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ore0.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package/2006/relationships/meatadata/core-properties" Target="docProps/core0.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gwendoline.oliviero@disney.com\Desktop\BULLETINS NG\s23\"/>
    </mc:Choice>
  </mc:AlternateContent>
  <bookViews>
    <workbookView minimized="1" xWindow="0" yWindow="0" windowWidth="15885" windowHeight="6270"/>
  </bookViews>
  <sheets>
    <sheet name="FRA - French Press Report" sheetId="1" r:id="rId1"/>
  </sheets>
  <calcPr calcId="125725"/>
</workbook>
</file>

<file path=xl/sharedStrings.xml><?xml version="1.0" encoding="utf-8"?>
<sst xmlns="http://schemas.openxmlformats.org/spreadsheetml/2006/main" count="1888" uniqueCount="661">
  <si>
    <t>French Press Report</t>
  </si>
  <si>
    <t xml:space="preserve">DATE </t>
  </si>
  <si>
    <t>HEURE</t>
  </si>
  <si>
    <t>TX ID</t>
  </si>
  <si>
    <t>TITRE</t>
  </si>
  <si>
    <t>TITRE ORIGINAL</t>
  </si>
  <si>
    <t>EP ORIGINAL</t>
  </si>
  <si>
    <t>EP NUMBER</t>
  </si>
  <si>
    <t>DUREE</t>
  </si>
  <si>
    <t>ANNEE DE PRODUCTION</t>
  </si>
  <si>
    <t>PAYS D ORIGINE</t>
  </si>
  <si>
    <t>REALISATEURS</t>
  </si>
  <si>
    <t xml:space="preserve">RESUME </t>
  </si>
  <si>
    <t>05/06/2021</t>
  </si>
  <si>
    <t>07:30:00:00</t>
  </si>
  <si>
    <t>Food Factory : Les pommes de terre au four</t>
  </si>
  <si>
    <t>Food Factory</t>
  </si>
  <si>
    <t>Hot Potato</t>
  </si>
  <si>
    <t>00:25</t>
  </si>
  <si>
    <t>Canada</t>
  </si>
  <si>
    <t>Quel parcours les meilleures pommes de terre ont-elles suivi avant d’atterrir dans votre assiette ? Pourquoi les boules de chewing-gum doivent-elles traverser une zone d’ombre pour obtenir la forme parfaite ? Quelle évolution a connue le chocolat chaud depuis son invention par les Aztèques ? Comment préparer des côtes grillées à la sauce barbecue qui vous assurent que vos convives se lècheront les doigts ? Après avoir visionné cet épisode, ces questions n’auront plus de secrets pour vous.</t>
  </si>
  <si>
    <t>07:50:00:00</t>
  </si>
  <si>
    <t>Food Factory : Le saumon fumé</t>
  </si>
  <si>
    <t>Smoking Salmon</t>
  </si>
  <si>
    <t>En quoi les ressorts froids sont-ils indispensables dans la préparation du plus savoureux des saumons fumés ? Comment des pots de yaourt spéciaux réinventent-ils un yaourt vieux de plusieurs siècles ? Comment fabrique-t-on une tonne de délicieux raviolis par jour ? Qu’est-ce qui facilite la production de 1 400 tonnes de salade fraîche et croustillante ? Après avoir visionné cet épisode, ces questions n’auront plus de secrets pour vous.</t>
  </si>
  <si>
    <t>08:15:00:00</t>
  </si>
  <si>
    <t>Car S.O.S. : Peugeot 106 Rallye</t>
  </si>
  <si>
    <t>Car S.O.S.</t>
  </si>
  <si>
    <t>Peugeot 106 Rallye</t>
  </si>
  <si>
    <t>00:50</t>
  </si>
  <si>
    <t>United Kingdom</t>
  </si>
  <si>
    <t xml:space="preserve">Dans cet épisode, Tim et Fuzz se retroussent les manches pour s’attaquer à une voiture française sous-estimée : une Peugeot 106 Rallye sortie en 1997. Le bolide poids plume appartient à Senna, une étudiante de 21 ans dont la vie a récemment été bouleversée par le suicide tragique de son frère aîné et de son père. Nos deux fous de mécanique arrivent à la rescousse afin d’essayer de redonner le sourire à l’étudiante. </t>
  </si>
  <si>
    <t>09:00:00:00</t>
  </si>
  <si>
    <t>Car S.O.S. : Camion de glaces Bedford</t>
  </si>
  <si>
    <t>Bedford HA Ice Cream Van</t>
  </si>
  <si>
    <t>Dans cet épisode, Tim et Fuzz acceptent une mission sans précédent : rendre son éclat à l’épave rouillée d’un camion de glaces Bedford HA sorti en 1978. Le vieil engin appartient à Barbara, dont la famille travaille dans la vente de crèmes glacées depuis des générations. Lors de la récente perte de son époux, Ronnie, le camion délabré a revêtu une importance nouvelle. Ses proches ont donc appelé à la rescousse l’équipe de Car S.O.S. afin que nos deux compères restaurent non seulement ce précieux objet de famille, mais redonnent aussi le sourire à Barbara.</t>
  </si>
  <si>
    <t>09:50:00:00</t>
  </si>
  <si>
    <t>P0848578</t>
  </si>
  <si>
    <t>Car S.O.S. : Lotus Elise</t>
  </si>
  <si>
    <t>Lotus Elise</t>
  </si>
  <si>
    <t>00:45</t>
  </si>
  <si>
    <t>Tim et Fuzz s’attaquent à la restauration d’un bijou britannique au moteur de poche, une Lotus Elise de 1997. Sa propriétaire, une ancienne directrice d’imprimerie de 44 ans dénommée Sarah, avait prévu de remettre la voiture sur ses roues avec l’aide de son père Phil, jusqu’à ce qu’une double tragédie s’abatte sur eux. Phil a été diagnostiqué malade d’un cancer de l’intestin incurable avant que Sarah n’apprenne qu’elle aussi était atteinte d’un cancer. La restauration de la voiture a alors été laissée en suspens. Jenny, la mère de Sarah, a appelé l’équipe de Car S.O.S. à la rescousse afin de rendre à sa fille le sourire dont elle a tant besoin.</t>
  </si>
  <si>
    <t>10:40:00:00</t>
  </si>
  <si>
    <t>Air Crash : Mission catastrophe</t>
  </si>
  <si>
    <t>Air Crash Investigation</t>
  </si>
  <si>
    <t>Mission Disaster</t>
  </si>
  <si>
    <t>Au cours de la guerre du Golfe, un avion-citerne de l’US Air Force perd deux moteurs lors d’une mission de ravitaillement en carburant. L’équipage tente de piloter l’avion endommagé jusqu’à Djeddah, en Arabie saoudite, le tout sans assistance radio. Une enquête militaire devra déterminer si une panne mécanique ou un acte de guerre est à l’origine de l’explosion spectaculaire.</t>
  </si>
  <si>
    <t>11:30:00:00</t>
  </si>
  <si>
    <t>Air Crash : Pilotes à la dérive</t>
  </si>
  <si>
    <t>Caught In A Jam</t>
  </si>
  <si>
    <t>Au cours de son approche finale, rendue difficile par d’épais nuages, un turbopropulseur régulier s’écrase dans les collines de Nouvelle-Zélande. Alors que le temps presse et que la vie des survivants est en jeu, les équipes de sauvetage peinent à localiser le lieu de l’accident. C’est ensuite au tour des enquêteurs de déterminer les causes de la catastrophe. Si une anomalie au niveau du train d’atterrissage ne fait aucun doute, plusieurs pistes mènent inéluctablement au cockpit.</t>
  </si>
  <si>
    <t>12:20:00:00</t>
  </si>
  <si>
    <t>P0839912</t>
  </si>
  <si>
    <t>Air Crash : Course contre la mort</t>
  </si>
  <si>
    <t>Death Race</t>
  </si>
  <si>
    <t>À une centaine de mètres au-dessus du désert, six avions de chasse monomoteurs de la Seconde Guerre mondiale se préparent à la course aérienne de Reno. 30 000 spectateurs les regardent parcourir une boucle de 13 kilomètres à près de 725 km/h. À bord d’un P-51 Mustang modifié baptisé « The Galloping Ghost », la légende locale Jimmy Leeward est bien décidée à établir un nouveau record de vitesse. C’est alors que son avion chute soudainement en pleine course, descend en spirales avant de s’écraser sur le tarmac face aux tribunes. Il s’agira de l’une des pires catastrophes aériennes de tous les temps lors d’une course. Les enquêteurs feront appel à l’un des amis proches du pilote afin qu’il les aide à reconstituer le puzzle de l’accident.</t>
  </si>
  <si>
    <t>13:10:00:00</t>
  </si>
  <si>
    <t>P0839914</t>
  </si>
  <si>
    <t>Air Crash : À la frontière</t>
  </si>
  <si>
    <t>Borderline Tactics</t>
  </si>
  <si>
    <t>Un avion-cargo américain tente un atterrissage délicat sur la base navale de la baie de Guantánamo, à Cuba. La piste n’étant qu’à quelques mètres de la frontière armée, la manœuvre implique d’éviter l’espace aérien cubain. Mais son approche finale tourne mal et le DC-8 vient s’écraser en bout de piste. Les enquêteurs s’interrogent alors sur le potentiel rôle de Cuba dans la catastrophe mais finissent par découvrir un coupable inattendu qui menace la vie des pilotes d’avion-cargo aux quatre coins du monde.</t>
  </si>
  <si>
    <t>14:00:00:00</t>
  </si>
  <si>
    <t>P0884964</t>
  </si>
  <si>
    <t>Ultimate Airport : Amérique latine - Haute trahison</t>
  </si>
  <si>
    <t>Airport Security Compilations</t>
  </si>
  <si>
    <t>Busted And Betrayed</t>
  </si>
  <si>
    <t>United States</t>
  </si>
  <si>
    <t>Face aux mules qui s’ignorent, les autorités des aéroports de Colombie et du Pérou doivent rester sur leurs gardes. À la demande de son petit-ami, une femme transporte des bouteilles dont elle méconnaissait le contenu, qui se révèle être de la cocaïne liquide. Un homme dissimulant de la poudre blanche dans sa valise accuse son gendre. Une Américaine serait tombée dans le trafic de drogue contre son gré. Un ouvrier du bâtiment reçoit un sac rempli de cocaïne. Un Ukrainien affirme avoir trahi et dupé son ami.</t>
  </si>
  <si>
    <t>14:50:00:00</t>
  </si>
  <si>
    <t>P0884975</t>
  </si>
  <si>
    <t>Ultimate Airport : Amérique latine - Entreprise à risque</t>
  </si>
  <si>
    <t>Risky Business</t>
  </si>
  <si>
    <t>Le trafic de drogue est une entreprise à haut risque. Dans les aéroports de Colombie et du Pérou, des suspects sont prêts à tout pour échapper aux radars. Un couple en partance pour Punta Cana défie les apparences. Une femme en possession de cocaïne voulait lancer son activité et venir en aide à sa famille. Alors qu’elle dissimule de la poudre blanche dans des tapis faits main, une mule débutante joue gros et perd son pari. Dans l’espoir de retrouver ses proches en Europe, un Syrien a recours à de faux papiers à deux reprises.</t>
  </si>
  <si>
    <t>15:40:00:00</t>
  </si>
  <si>
    <t>P0884976</t>
  </si>
  <si>
    <t>Ultimate Airport : Amérique latine - De tous âges</t>
  </si>
  <si>
    <t>Oldest And Youngest Carriers</t>
  </si>
  <si>
    <t>Une femme avec un casier judiciaire, une étudiante qui souhaite venir en aide à sa mère malade, une jeune femme de 19 ans qui prétend avoir été dupée par sa tante… Une chose est sûre : les mules n’ont ni âge ni profil type. Un vieil homme assure qu’il ignorait ce qu’il transportait, tout comme le proche qu’il contacte. Un second, originaire des îles Marshall, serait victime d’un réseau destiné à recruter des seniors comme passeurs. Un jeune Vénézuélien est prêt à tout pour changer ses conditions de vie difficiles.</t>
  </si>
  <si>
    <t>16:35:00:00</t>
  </si>
  <si>
    <t>P0884977</t>
  </si>
  <si>
    <t>Ultimate Airport : Amérique latine - Grands voyageurs</t>
  </si>
  <si>
    <t>Frequent Flyers</t>
  </si>
  <si>
    <t>Les mules peuvent aussi être des voyageurs réguliers. Dans cet épisode, un Espagnol en possession de cocaïne feint son étonnement. Alors en partance pour la République dominicaine, un homme transportant de la poudre blanche assure aux policiers s’y être déjà rendu. Un autre, qui effectue son deuxième voyage, affirme avoir été contraint et forcé. Une femme usurpe l’identité d’une autre personne pour tenter de passer la frontière. Une Indonésienne est arrêtée avec de la cocaïne ainsi que plusieurs devises. Enfin, un trafiquant se targue d’être en possession d’informations au sujet d’une cargaison d’une tonne.</t>
  </si>
  <si>
    <t>17:30:00:00</t>
  </si>
  <si>
    <t>P0835634</t>
  </si>
  <si>
    <t>Au cœur du Secret Service américain</t>
  </si>
  <si>
    <t>Us Secret Service: On The Front Line</t>
  </si>
  <si>
    <t>Us Secret Service: On The Front Line, 1</t>
  </si>
  <si>
    <t>01:50</t>
  </si>
  <si>
    <t>Pour la première fois, les caméras de National Geographic pénètrent les coulisses du Secret Service américain. Quel que soit l’endroit où se rend le président Trump, les agents de terrain, les agents des services de renseignement, les chasseurs de tireurs d’élite et les brigades canines en charge de détecter les explosifs forment un bouclier à 360 °C autour de lui. Saviez-vous que Bill Clinton a bien failli être assassiné par Oussama Ben Laden ? Nous vous révèlerons des anecdotes inédites restées secrètes jusqu’ici et découvrirons leur impact sur les stratégies de protection de l’agence.</t>
  </si>
  <si>
    <t>19:20:00:00</t>
  </si>
  <si>
    <t>P0837034</t>
  </si>
  <si>
    <t>Toto Riina, parrain de la mafia italienne</t>
  </si>
  <si>
    <t>Mafia Confidential</t>
  </si>
  <si>
    <t>01:00</t>
  </si>
  <si>
    <t>Italy</t>
  </si>
  <si>
    <t>Certains hommes sont devenus des mythes, de véritables icônes des temps modernes. Or, une icône est, par définition, enveloppée d’un mystère qui la rend à la fois inaccessible et indéfinissable. Toto Riina, parrain de la mafia italienne revient sur l’histoire du plus redoutable parrain de la mafia de tous les temps. Gobée et intégrée par les médias et l’imaginaire collectif, sa représentation fantasmée a fini par se substituer progressivement au véritable personnage. Embarquez au cœur de la psyché des figures publiques les plus légendaires et les plus puissantes de notre temps. Nos invités confidentiels ont côtoyé de près ces personnages et nous livrent ici un portrait humain et inédit.</t>
  </si>
  <si>
    <t>20:10:00:00</t>
  </si>
  <si>
    <t>Gaokao 2020: China's Great Exam</t>
  </si>
  <si>
    <t>China</t>
  </si>
  <si>
    <t>Aux côtés des étudiants chinois, vivez l’examen d’entrée à l’université, moment important du système scolaire de l’Empire du Milieu.</t>
  </si>
  <si>
    <t>21:00:00:00</t>
  </si>
  <si>
    <t>Air Crash : Atterrissage imminent</t>
  </si>
  <si>
    <t>Seconds From Touchdown</t>
  </si>
  <si>
    <t>Peu après son décollage de Montréal, le vol Propair 420 rencontre une défaillance de son circuit hydraulique ainsi qu’un incendie moteur. Alors en grande difficulté, l’équipage réussit toutefois à faire demi-tour et s’apprête à atterrir lorsque le turbopropulseur se retourne et s’écrase, tuant tous les passagers à bord. Dépêchés sur les lieux quelques heures après, les enquêteurs doivent déterminer les causes de dysfonctionnements en cascade qui se sont enchaînés en seulement cinq minutes.</t>
  </si>
  <si>
    <t>21:50:00:00</t>
  </si>
  <si>
    <t>Air Crash : Livraison fatale</t>
  </si>
  <si>
    <t>Deadly Delivery</t>
  </si>
  <si>
    <t>En raison d’une mauvaise visibilité, un avion-cargo heurte un bosquet et s’écrase à proximité de la piste d’atterrissage d’un aéroport d’Alabama. Les enquêteurs sont dépêchés sur les lieux dans les heures qui suivent l’accident. Après avoir passé au crible les conversations enregistrées dans le cockpit et reproduit le vol dans un simulateur, ils doivent adopter une approche peu conventionnelle afin de déterminer les causes de la catastrophe.</t>
  </si>
  <si>
    <t>22:40:00:00</t>
  </si>
  <si>
    <t>P0839915</t>
  </si>
  <si>
    <t>Air Crash : Chute fatale</t>
  </si>
  <si>
    <t>Deadly Pitch</t>
  </si>
  <si>
    <t>Le vol 101 de la compagnie Fine Air à destination de la République dominicaine décolle de Miami avec plus de 40 000 kilos de denim à son bord. Quelques instants après le décollage, l’avion s’écrase au sol, avant de foncer sur une autoroute et de terminer sa course dans un bâtiment. Des centaines de spectateurs assistent au désastre. Ce n’est que grâce à une indication anonyme que les enquêteurs, bien décidés à faire la lumière sur les événements, parviendront à élucider l’affaire.</t>
  </si>
  <si>
    <t>23:30:00:00</t>
  </si>
  <si>
    <t>P0839916</t>
  </si>
  <si>
    <t>Air Crash : Catastrophe à Bucarest</t>
  </si>
  <si>
    <t>Fatal Climb</t>
  </si>
  <si>
    <t>Quelques minutes après son décollage de Bucarest, en Roumanie, le vol 371 de la compagnie Tarom s’incline brusquement sur la gauche, modifie sa trajectoire et s’écrase dans un champ. Il s’agit de la catastrophe aérienne la plus meurtrière de l’histoire du pays et les rumeurs d’une bombe à bord ne tardent pas à aller bon train dans les journaux nationaux à la récente liberté de parole. Les enquêteurs roumains font appel au FBI afin de déterminer la nature de l’événement – accident ou homicide. Mais ce sera la voix du commandant de bord lui-même qui lèvera le voile sur la cause réelle du désastre.</t>
  </si>
  <si>
    <t>24:15:00:00</t>
  </si>
  <si>
    <t>25:00:00:00</t>
  </si>
  <si>
    <t>25:45:00:00</t>
  </si>
  <si>
    <t>26:30:00:00</t>
  </si>
  <si>
    <t>27:15:00:00</t>
  </si>
  <si>
    <t>27:35:00:00</t>
  </si>
  <si>
    <t>28:00:00:00</t>
  </si>
  <si>
    <t>P0893389</t>
  </si>
  <si>
    <t>Prisons de haute sécurité : retour en enfer</t>
  </si>
  <si>
    <t>Surviving Maximum Security: Back Inside</t>
  </si>
  <si>
    <t>En 2005, Lisa Ling emmenait les téléspectateurs dans les coulisses de la prison de l’État de Californie, dans le comté de Sacramento, où sont incarcérés certains des détenus les plus violents des États-Unis. La journaliste retourne aujourd’hui dans cet établissement pénitentiaire à sécurité maximale pour constater l’évolution de cet univers où règnent divisions raciales et chaos.</t>
  </si>
  <si>
    <t>28:45:00:00</t>
  </si>
  <si>
    <t>N0013027</t>
  </si>
  <si>
    <t>Inside: Dans les prisons russes</t>
  </si>
  <si>
    <t>Inside: Russia's Toughest Prisons</t>
  </si>
  <si>
    <t>Russia's Toughest Prisons</t>
  </si>
  <si>
    <t>00:55</t>
  </si>
  <si>
    <t xml:space="preserve">Pour la première fois, trois prisons russes ouvrent leurs portes à une équipe internationale de film. Allez au coeur d'un complexe haute-sécurité dans la plus ancienne prison de Russie où des cannibales, terroristes et meurtriers y vivent leurs derniers jours,. Ou encore dans un camp de prisonniers en Sibérie où les températures avoisinent les moins 50 degrés. Dans la prison du Dauphin Noir, un cannibale se confie à la caméra. Dans le centre Vladimir, un condamné raconte le meurtre de son beau-frère qui avait " dérangé " la paisible nuit de sommeil de sa soeur. Dans l'enceinte du camp de prisonniers sibérien  numéro 17, deux amis sont sur le point de prendre des chemins complètement différents...  </t>
  </si>
  <si>
    <t>29:30:00:00</t>
  </si>
  <si>
    <t>06/06/2021</t>
  </si>
  <si>
    <t>Food Factory : Aussi sucré que le sucre</t>
  </si>
  <si>
    <t>Sweet as Sugar</t>
  </si>
  <si>
    <t>Pourquoi la mélasse est-elle indispensable à la fabrication du sucre raffiné ? En quoi le feuilleté est-il le secret d’un bon chausson aux pommes ? Comment des machines à grande vitesse accélèrent-elles la production d’œufs ? Comment fabrique-t-on 28 000 tortillas parfaites par heure ? Après avoir visionné cet épisode, ces questions n’auront plus de secrets pour vous.</t>
  </si>
  <si>
    <t>Food Factory : Blancs en neige</t>
  </si>
  <si>
    <t>Whipping it up</t>
  </si>
  <si>
    <t>00:22</t>
  </si>
  <si>
    <t>Quel est le secret d’une délicieuse purée ? Comment fabrique-t-on 240 bombes de crème fouettée par minute ? En quoi un aspirateur puissant est-il indispensable à la confection de sucettes ? Qu’est-ce que les papeteries et la production de bâtonnets de crabe ont en commun ? Après avoir visionné cet épisode, ces questions n’auront plus de secrets pour vous.</t>
  </si>
  <si>
    <t>A la poursuite des tornades : Tempête inédite</t>
  </si>
  <si>
    <t>Storm Rising</t>
  </si>
  <si>
    <t>New Breed of Storms</t>
  </si>
  <si>
    <t>Alors que la tempête tropicale Cristobal progresse sur la « Tornado Alley », une saison des ouragans précoce coïncide avec une saison des tornades imprévisible, ultime signe d’un nouveau système climatique menaçant. Reed et Mike partent au cœur de la tornade afin d’y déployer des outils scientifiques destinés à recueillir des données essentielles à une meilleure compréhension de cette catégorie inédite de tempêtes meurtrières.</t>
  </si>
  <si>
    <t>A la poursuite des tornades : Les hautes plaines</t>
  </si>
  <si>
    <t>High Plains Insanity</t>
  </si>
  <si>
    <t>En raison du dérèglement climatique, la « Tornado Alley » s’étend désormais jusqu’aux hautes plaines du nord des États-Unis. Alors que les derniers jours d’une saison de tornades inhabituelle coïncident avec une tempête tropicale en Floride, Reed et Mike n’ont d’autre choix que de se diviser pour être sur tous les fronts. Une série de faux pas permettra-t-elle aux tornades d’échapper au radar de nos deux experts ? Réussiront-ils à les capturer avant que la saison ne s’achève ?</t>
  </si>
  <si>
    <t>Planète durable : Héros des océans</t>
  </si>
  <si>
    <t>Perpetual Planet: Heroes of the Oceans</t>
  </si>
  <si>
    <t>Aux côtés d’une équipe de scientifiques visionnaires, notre océanographe légendaire Sylvia Earle revient sur les extraordinaires initiatives entreprises aux quatre coins du globe pour protéger les écosystèmes fragiles de nos océans. Véritable ode aux merveilles sous-marines, Héros des Océans explore l’immense laboratoire vivant au sein duquel nous évoluons ainsi que les recherches scientifiques essentielles menées au cœur des fonds marins.</t>
  </si>
  <si>
    <t>Les 10 merveilles de l’antiquité : Momies d’Égypte</t>
  </si>
  <si>
    <t>Top Ten Treasures</t>
  </si>
  <si>
    <t>Egypt's Mummies</t>
  </si>
  <si>
    <t>Aux côtés de l’historienne Bettany Hughes, partez à la découverte des fascinantes momies de l’Égypte antique. Nichés entre le désert et le Nil, les extraordinaires pyramides, temples majestueux et tombeaux secrets ne cessent de nous intriguer et de nous captiver. Mais rien ne nous renvoie à cette illustre époque comme le font les momies. Soigneusement enveloppé, embaumé et inhumé auprès d’autres trésors durant des millénaires, chaque corps nous livre le récit du peuple qui a vécu dans sa chair l’Histoire que nous connaissons aujourd’hui. Des trésors étincelants aux voyages dans l’au-delà et aux cruelles vengeances, la professeure nous dévoilera des anecdotes passionnantes, certaines révélées pour la première fois après des milliers d’années.</t>
  </si>
  <si>
    <t>Les 10 merveilles de l’antiquité : Les secrets de Toutankhâmon</t>
  </si>
  <si>
    <t>Unwrapping King Tut</t>
  </si>
  <si>
    <t>Les trésors perdus de la Vallée des Rois : Sur les traces de Néfertiti</t>
  </si>
  <si>
    <t>Lost Treasures of Egypt (Compilations)</t>
  </si>
  <si>
    <t>Hunt For Queen Nefertiti</t>
  </si>
  <si>
    <t>Dans cet épisode, des archéologues partent sur les traces de la plus mystérieuse reine d’Égypte, Néfertiti. Tandis que nous explorons un labyrinthe de tombeaux souterrains à la recherche de sa dernière demeure, une équipe égyptienne met au jour un cercueil parfaitement conservé rempli d’objets funéraires inhabituels, qui remonte à l’époque de la souveraine. Pendant ce temps, à Saqqarah, des chercheurs creusent le sable à la recherche d’une autre épouse de haut rang disparue.</t>
  </si>
  <si>
    <t>Les trésors perdus de la Vallée des Rois : Ramsès II, bâtisseur d’empire</t>
  </si>
  <si>
    <t>Ramses The Great: Empire Builder</t>
  </si>
  <si>
    <t>Dans cet épisode, nos archéologues remontent une piste afin de tenter de percer les mystères de la réussite de Ramsès II. Alors que des outils technologiques de pointe permettent de sauver l’un des plus beaux trésors de l’Égypte, une équipe met au jour dans une cité antique un palais secret qui servait de sanctuaire privé au pharaon. En parallèle, des fouilles menées dans un puits conduisent à une découverte révolutionnaire.</t>
  </si>
  <si>
    <t>N0006328</t>
  </si>
  <si>
    <t>Inside : Les Couloirs de la mort au Texas</t>
  </si>
  <si>
    <t>Inside Death Row Texas</t>
  </si>
  <si>
    <t>Inside: Death Row</t>
  </si>
  <si>
    <t>Dans la plupart des villes d'Amérique la mort n'a pas d'horaire, mais pour environ 16 personnes par an, leur dernier jour est fixé à l'avance. Dans la petite ville de Huntsville au Texas, des exécutions par injection létale ont lieu chaque année. Ce documentaire nous emmène à la rencontre de trois condamnés à mort dont la fin approche. Nous suivrons leur histoire singulière aux travers de leurs témoignages  ainsi que de ceux de leur famille et de leurs proches. Il ne s'agit pas d'établir leur culpabilité ou leur innocence mais plutôt de comprendre comment la condamnation à mort est vécue et mise en place dans l'Etat du Texas.</t>
  </si>
  <si>
    <t>Face au crime : Le marché des stéroïdes</t>
  </si>
  <si>
    <t>Trafficked With Mariana Van Zeller</t>
  </si>
  <si>
    <t>Steroids</t>
  </si>
  <si>
    <t>Mariana van Zeller enquête sur le nouveau marché clandestin des stéroïdes qui promet de transformer les consommateurs en superhéros. Grâce à des entretiens inédits avec le docteur Tony Huge, figure controversée du mouvement, elle part à la rencontre des chimistes, des trafiquants et des clients qui repoussent les limites de ces drogues toxiques. Elle s’embarque aux côtés d’un jeune bodybuilder persuadé que les conseils et injections de Tony Huge lui permettront de se qualifier pour l’une des plus grandes compétitions de culturisme au monde.</t>
  </si>
  <si>
    <t>N0019390</t>
  </si>
  <si>
    <t>Les chercheurs d'Or : En route vers la richesse</t>
  </si>
  <si>
    <t>Goldfathers</t>
  </si>
  <si>
    <t>The Road To Riches</t>
  </si>
  <si>
    <t>En Alaska, trois familles d'exploitation minière luttent pour extraire le plus d'or possible avant l'arrivée de la glace et du gel. John Reeves, un riche homme d'affaires, sait qu'il y a de l'or dans sa propriété de 10,000 hectares. Aidé de ses cinq enfants, il va réaliser à quel point il est difficile de trouver ce métal précieux. Doug Baker, un ingénieur minier brillant, va tout faire pour réaliser une des plus grandes opérations minières de l'Etat. Il n'a aucune certitude de trouver de l'or, mais il doit rattraper sa perte d'un demi-million de dollars de l'année dernière. Cela est sans compter que lui et toute son équipe, connue sous le nom de Mudminers, auront du mal à surmonter une série sans fin de revers financiers et mécaniques. Enfin, vous ferez la connaissance de CreightonLapp et Chuck Tillian, deux jeunes entrepreneurs qui tentent de créer leur entreprise. De nombreux rebondissements sont à prévoir dans cette série, où avoir de la chance est de rigueur...</t>
  </si>
  <si>
    <t>18:25:00:00</t>
  </si>
  <si>
    <t>N0019394</t>
  </si>
  <si>
    <t>Les chercheurs d'Or : C'est mon job !</t>
  </si>
  <si>
    <t>Mined Over Matter</t>
  </si>
  <si>
    <t>Dans cet épisode, Doug Baker et les Mudminers sont dans une situation critique, leur machine fuit et l'or qui vient d'être trié glisse vers la rivière. Vont-ils trouver une solution ou perdre la totalité de leur revenu annuel ? John Reeves et ses enfants se dirigent vers un site prometteur, tandis qu'une mésaventure en pleine forêt pourrait les empêcher de trouver ce qu'ils recherchent. Creighton et Chuck, quant à eux, ont enfin l'opportunité de sauver leur saison...</t>
  </si>
  <si>
    <t>N0026360</t>
  </si>
  <si>
    <t>La mine de la fortune : L'opale noir</t>
  </si>
  <si>
    <t>Mine Kings</t>
  </si>
  <si>
    <t>Black Opal</t>
  </si>
  <si>
    <t>Les rois de la mine se rendent à Lightning Ridge, au nord de Sydney, en Australie, à la recherche d'une petite mine qui produirait l'une des opales les plus rares et les plus précieuses de la planète - l'opale noire. Pour la trouver, ils doivent négocier avec des mineurs de l'outback qui se méfient des étrangers, en particulier des ceux qui veulent accéder à leurs mines. Sans équipement, ils vont devoir charmer les mineurs locaux pour obtenir les outils dont ils ont besoin à un prix qu'ils peuvent se permettre. Alors seulement, ils pourront commencer à creuser. Pour une fois, Jimmy joue à domicile et sa réputation est en jeu. Isolement, chaleur, rudesse, voilà à quoi ressemble la réalité de l'exploitation minière dans l'outback. Les risques sont gros mais la rentabilité est élevée. Lorsque Jimmy découvre une opale, lui et le reste de l'équipe pensent avoir déniché le bon filon. Des millions de dollars pourraient être là, à les attendre dans les murs de ces galeries. Le rêve de tout mineur. Début de la fortune ou illusion, ils vont le savoir très vite.</t>
  </si>
  <si>
    <t>N0026364</t>
  </si>
  <si>
    <t>La mine de la fortune : La pointe du luxe</t>
  </si>
  <si>
    <t>Explosives And Emeralds</t>
  </si>
  <si>
    <t>En marge de l'activité industrielle de la Copperbelt, en Zambie, on trouve un filon conduisant à certaines des plus belles émeraudes au monde. Mais la zone est notoirement connue pour l'exploitation minière illégale et la contrebande. Pour protéger ces riches champs de pierres précieuses, la zone est sécurisée par des gardes armés à l'intérieur d'une zone militaire bouclée. Des sentinelles armées de AK47 et postées à différents points de contrôle font respecter le couvre-feu, ne laissant personne entrer ou sortir après six heures du soir. L'équipe s'aventure dans ces territoires hostiles à la recherche d'une petite exploitation minière qui produirait la plus claire et la plus pure des émeraudes.</t>
  </si>
  <si>
    <t>Les trésors perdus de la Vallée des Rois : Le déclin des pyramides</t>
  </si>
  <si>
    <t>Death of The Pyramids</t>
  </si>
  <si>
    <t>Dans cet épisode, nos archéologues tentent de retracer les causes à l’origine du déclin des pyramides. Ils dévoilent les méthodes de protection des momies et mettent au jour un tombeau vieux de quatre millénaires.</t>
  </si>
  <si>
    <t>Les trésors perdus de la Vallée des Rois : La malédiction de la momie</t>
  </si>
  <si>
    <t>Curse of The Mummy</t>
  </si>
  <si>
    <t>Dans cet épisode, nos archéologues mènent des fouilles sur d’anciens cimetières égyptiens dans l’espoir de percer les mystères des plus intrigants artefacts qui soient : les momies.</t>
  </si>
  <si>
    <t>Toutankhamon : Pharaon en couleurs</t>
  </si>
  <si>
    <t>King Tut In Color</t>
  </si>
  <si>
    <t>Un siècle après la découverte archéologique révolutionnaire du tombeau de Toutankhamon, revivez aujourd’hui ces intenses moments au plus près de ces fabuleux trésors, tels que les explorateurs les trouvaient alors – en couleur. Grâce aux techniques de colorisation les plus récentes, rendues possibles par de méticuleux travaux de recherche historique, l’Égypte vue par l’archéologue britannique Howard Carter renaît sous nos yeux.</t>
  </si>
  <si>
    <t>P0885610</t>
  </si>
  <si>
    <t>Les tombeaux cachés d’Egypte</t>
  </si>
  <si>
    <t>Egypt's Sun King: Secrets And Treasures</t>
  </si>
  <si>
    <t>Une équipe d’archéologues met au jour le premier tombeau qui renferme une dépouille depuis la découverte de celui de Toutankhamon. À l’intérieur gisent les corps momifiés d’une princesse royale et d’une aristocrate, tandis qu’une trentaine d’autres momies sont retrouvées à proximité. Une enquête policière lève petit à petit le voile sur leur identité ainsi que sur les raisons de leur présence sur les lieux. Des heures de recherches minutieuses et des outils technologiques de pointe seront nécessaires pour résoudre cette énigme et reconstituer la fascinante vérité que cachent ces mystérieux tombeaux.</t>
  </si>
  <si>
    <t>07/06/2021</t>
  </si>
  <si>
    <t>P0870374</t>
  </si>
  <si>
    <t>Science of Stupid</t>
  </si>
  <si>
    <t>Episode 19</t>
  </si>
  <si>
    <t>00:30</t>
  </si>
  <si>
    <t>Présenté par Dallas Campbell, Science of Stupid analyse certaines des vidéos les plus folles et les plus spectaculaires au moyen de principes scientifiques intangibles. Dans cet épisode, nous partons explorer l’espace afin d’étudier la gravité, la force d’accélération, les régions habitables, les collisions et bien d’autres phénomènes.</t>
  </si>
  <si>
    <t>P0870376</t>
  </si>
  <si>
    <t>Episode 20</t>
  </si>
  <si>
    <t>Présenté par Dallas Campbell, Science of Stupid analyse certaines des vidéos les plus folles et les plus spectaculaires au moyen de principes scientifiques intangibles. Dans cet épisode, nous partons explorer le cosmos afin d’étudier les orbites, la vitesse de la lumière, l’apesanteur, l’arrimage spatial et tant d’autres choses passionnantes.</t>
  </si>
  <si>
    <t>P0795890</t>
  </si>
  <si>
    <t>Voyage au bout de l'enfer: Flagrant délit</t>
  </si>
  <si>
    <t>Banged Up Abroad</t>
  </si>
  <si>
    <t>Bad Bromance</t>
  </si>
  <si>
    <t>Suite au départ de sa femme et de son fils, l’officier de la marine américaine Lemar Burton part en compagnie de son meilleur ami Dom faire la fête jusqu’au petit jour. Après avoir été rétrogradé par la marine, ses dettes s’accumulent. Dom lui propose alors un moyen de gagner de l’argent facilement en introduisant illégalement de la cocaïne depuis la Colombie. Pris en flagrant délit à l’aéroport de Bogota avec cinq kilos de drogue dans son sac à dos, Lemar doit survivre dans l’une des prisons les plus violentes de Colombie, jusqu’à ce qu’il trouve son salut au sein d’un cercle des plus inattendus.</t>
  </si>
  <si>
    <t>P0790470</t>
  </si>
  <si>
    <t>Voyage au bout de l'enfer : Escroqué et capturé</t>
  </si>
  <si>
    <t>Breaking Bad In Britain</t>
  </si>
  <si>
    <t>Suite à une descente de la police britannique dans son laboratoire de cocaïne, Pieter Tritton, trafiquant de drogue, est en cavale. Il ne parvient pas à résister à la tentation d’aller réceptionner une dernière cargaison arrivant d’Équateur. La police britannique ayant prévenu la brigade des stups équatorienne, une équipe locale des forces d’intervention spéciale prend Pieter en flagrant délit avec deux kilos de cocaïne pure sur lui. Condamné à 12 ans de prison, le trafiquant se demande s’il a l’étoffe nécessaire pour survivre au sein de l’un des systèmes carcéraux les plus violents et les plus corrompus au monde.</t>
  </si>
  <si>
    <t>N0014120</t>
  </si>
  <si>
    <t>Air Crash : Sauvetage miracle</t>
  </si>
  <si>
    <t>Miracle Escape</t>
  </si>
  <si>
    <t>2 août 2005. Pris dans une tempête après un atterrissage difficile, le vol 358 d'Air France quitte la piste de Toronto. Son moteur gauche prend feu, il ne reste que quelques secondes pour s'échapper.</t>
  </si>
  <si>
    <t>N0024437</t>
  </si>
  <si>
    <t>Vol au-dessus de la Chine : Le passé vivant</t>
  </si>
  <si>
    <t>China From Above</t>
  </si>
  <si>
    <t>China From Above 1, 1</t>
  </si>
  <si>
    <t>New Zealand</t>
  </si>
  <si>
    <t>Kenny Png,Klaus Toft</t>
  </si>
  <si>
    <t>La Chine est un territoire immense et d'une grande diversité où la civilisation a commencé à se développer il y a plusieurs milliers d'années. Mais quelle a été l'influence des traditions chinoises sur le paysage et sur les habitants ? Des vestiges de ces siècles passés persistent-ils encore à l'heure actuelle ? Embarquez pour un voyage aérien qui vous aidera à saisir toute la dimension et la complexité de la civilisation et du territoire chinois. Des prouesses d'ingénierie de la Grande Muraille à la fête de l'eau dans le sud tropical, découvrez les secrets de la Chine.</t>
  </si>
  <si>
    <t>P0815646</t>
  </si>
  <si>
    <t>Le Japon vu du ciel : Le grand Nord sauvage</t>
  </si>
  <si>
    <t>Le Japon vu du ciel</t>
  </si>
  <si>
    <t>Le grand Nord sauvage</t>
  </si>
  <si>
    <t>France</t>
  </si>
  <si>
    <t>David Perrier,Xavier Lefebvre</t>
  </si>
  <si>
    <t>Explorant la grande île d’Hokkaido, à l’extrême nord de l’archipel, ce film met en valeur la beauté naturelle de ce territoire où la nature reste le personnage principal : elle s’y déploie en d’immenses espaces encore largement sauvages, composés de puissantes chaînes de montagnes volcaniques, d’innombrables lacs aux eaux cristallines et de forêts profondes. Faune et flore y trouvent, grâce à ce relief tourmenté et des conditions climatiques parfois rudes, mais bénéfiques, des lieux protégés pour s’épanouir. Colonisée il y a peine 150 ans par les Japonais, Hokkaido est aussi une terre de plaines où s’est développée une agriculture parfois très intensive. Certains producteurs y vivent toutefois en harmonie avec la nature, dans le sillage des Aïnus, les habitants autochtones de l’île, qui tentent aujourd’hui de préserver leur riche culture en voie de disparition.</t>
  </si>
  <si>
    <t>Alaska : Nouvelle vie - La récolte de glace</t>
  </si>
  <si>
    <t>Alaska: The New Pioneers</t>
  </si>
  <si>
    <t>The Ice Harvest</t>
  </si>
  <si>
    <t>Tout au long de l’hiver, les habitants de l’Alaska doivent surmonter les obstacles que Dame Nature met en travers de leur chemin pour pouvoir continuer à vivre en marge du monde.</t>
  </si>
  <si>
    <t>Alaska : Nouvelle vie - Soleil d’hiver</t>
  </si>
  <si>
    <t>Over Thin Ice</t>
  </si>
  <si>
    <t>Afin de survivre à l’obscurité de l’hiver et à ses nombreuses épreuves, la nouvelle génération d’Alaskains n’hésite pas à tirer profit du soleil déclinant au maximum.</t>
  </si>
  <si>
    <t>Alaska : Nouvelle vie - À l’avant-garde</t>
  </si>
  <si>
    <t>Trail Breakers</t>
  </si>
  <si>
    <t>Au cœur d’un hiver implacable, la nouvelle génération d’Alaskains n’a d’autre choix que d’inventer des manières innovantes d’accéder aux précieuses ressources qui lui permettront de survivre.</t>
  </si>
  <si>
    <t>N0026186</t>
  </si>
  <si>
    <t>Mécanos tout terrain : Coincé sur la rivière Yukon</t>
  </si>
  <si>
    <t>Big Fix Alaska</t>
  </si>
  <si>
    <t>Long Gone On The Yukon</t>
  </si>
  <si>
    <t>La boutique reçoit un appel de détresse d'un pilote bloqué sur la rivière Yukon. Mais trouver et réparer l'appareil s'avère être une entreprise périlleuse. Jim doit ensuite aller réparer une pelleteuse et un bulldozer dans le village reculé d'Ouzinkie.</t>
  </si>
  <si>
    <t>N0026187</t>
  </si>
  <si>
    <t>Mécanos tout terrain : Dos au mur</t>
  </si>
  <si>
    <t>Treading Water</t>
  </si>
  <si>
    <t>La boutique a du mal à payer les employés après la crise financière qui a touché l'activité de réparation de machines de Jim. Et pour ne rien arranger, une nouvelle mission les pousse encore plus loin dans les difficultés. C'est donc à Jim de les maintenir hors de l'eau... en supposant qu'il puisse faire face à la tempête.</t>
  </si>
  <si>
    <t>N0028030</t>
  </si>
  <si>
    <t>Yukon Gold : L'Or à tout prix - Chasse au trésor</t>
  </si>
  <si>
    <t>Yukon Gold</t>
  </si>
  <si>
    <t>Treasure Hunt</t>
  </si>
  <si>
    <t>Bernie découvre des traces d'or prometteuses, mais a du mal à débuter le lavage. Nika et Chris inaugurent leur nouvelle usine de lavage, à la recherche de leurs premières pépites d'or de la saison. Karl utilise de vieilles cartes pour localiser l'or autour du dragage, à Last Chance. Des problèmes de paperasse retardent sérieusement la nouvelle entreprise de Ken et Guillaume.</t>
  </si>
  <si>
    <t>N0024219</t>
  </si>
  <si>
    <t>Sale Affaire ! : Vengeance et rédemption</t>
  </si>
  <si>
    <t>Filthy Riches</t>
  </si>
  <si>
    <t>Revenge &amp; Redemption</t>
  </si>
  <si>
    <t>Après avoir subi un terrible revers sur Hermit Island, Jim et Andy ont bien l'intention de prendre leur revanche. Ils retournent donc sur l'île pour deux nouvelles marées. Avec une possible commande de 500 dollars de chanterelles, Chris et Levena, les cueilleurs de champignons, ont une belle opportunité. Mais leur périple seuls dans les bois pourrait bien prendre une tournure des plus inattendues.  Ray Turner est sur tous les fronts pour tenter de remettre son fumoir en état de marche mais les choses ne se passent pas comme il le voudrait. De leur côté, les Cajuns sont eux aussi victimes d'un voleur qui leur a causé une perte de plusieurs milliers de dollars. Ils sont bien décidés à démasquer le coupable.</t>
  </si>
  <si>
    <t>N0025501</t>
  </si>
  <si>
    <t>Top Cars : Nissan GT-R</t>
  </si>
  <si>
    <t>Supercar Megabuild</t>
  </si>
  <si>
    <t>Nissan GT-R</t>
  </si>
  <si>
    <t xml:space="preserve">Afzal Kahn a bâti une entreprise internationale florissante, modifiant et customisant de superbes voitures pour les rendre incroyables. Plusieurs ateliers répondent déjà aux besoins d'une clientèle haut-de-gamme mais Afzal Kahn aime les nouveaux défis. Derrière, ses experts de la mécanique Ralph et Ranen ont mis en place un atelier expérimental. Débordant de connaissances mécaniques, il leur manque les clients et le style. Avec leurs connaissances complémentaires, le trio est bien décidé à relever des défis incroyables ! </t>
  </si>
  <si>
    <t>N0025493</t>
  </si>
  <si>
    <t>Top Cars : Aston Martin V8 Vantage</t>
  </si>
  <si>
    <t>Aston Martin Vantage</t>
  </si>
  <si>
    <t>Dans cet épisode, Afzal Kahn et son département Recherches et Développement décident de convertir une Aston Martin Vantage V8 en voiture de course surpuissante inspirée de la GT. Ralph et Ranen, les ingénieurs à l'origine du projet se lancent pour faire de cette voiture élégante un véritable monstre de la piste. Une  contrainte cependant, elle doit rester utilisable sur route de manière légale pour les clients de M. Kahn. S'ils parviennent à relever le défi, Afzal Kahn est persuadé que cela peut être le début de quelque chose.</t>
  </si>
  <si>
    <t>A l'épreuve d'une tribu : Embuscade en pleine jungle</t>
  </si>
  <si>
    <t>Primal Survivor</t>
  </si>
  <si>
    <t>Jungle Ambush</t>
  </si>
  <si>
    <t>Dans cet épisode, Hazen Audel part à la recherche de la tribu des Mani au cœur de la péninsule malaise. Ces anciens chasseurs-cueilleurs utilisent des sarbacanes traditionnelles équipées de fléchettes empoisonnées. Avant de pouvoir participer à une partie de chasse, notre aventurier doit faire ses preuves et survivre seul au sein de cette région sauvage des plus redoutables. Entre falaises rocheuses vertigineuses, éléphants indomptables et tigres majestueux, cet environnement périlleux ne permet pas le moindre faux pas.</t>
  </si>
  <si>
    <t>A l'épreuve d'une tribu : Union guerrière</t>
  </si>
  <si>
    <t>Warrior Wedding</t>
  </si>
  <si>
    <t>Dans cet épisode, Hazen Audel part pour la Papouasie–Nouvelle-Guinée à la rencontre de la tribu des Mirr. Connus pour leur culture d’une grande richesse, ces chasseurs-cueilleurs protègent farouchement leur terre et leur peuple. Avant de pouvoir assister à un mariage tribal, notre aventurier doit faire ses preuves en se mesurant seul à la nature. Pour cela, il devra rapporter trois objets essentiels pour les noces au marié, dans une course contre le temps et contre un territoire hostile.</t>
  </si>
  <si>
    <t>P0834853</t>
  </si>
  <si>
    <t>A l'épreuve d'une tribu : La jungle des extrêmes</t>
  </si>
  <si>
    <t>Extreme Jungles</t>
  </si>
  <si>
    <t>Avec leur végétation impénétrable, leurs parasites mortels, leur chaleur oppressante et leur humidité, les jungles et forêts tropicales constituent les territoires les plus hostiles au monde pour l’homme. Pourtant, des communautés indigènes y habitent depuis des millénaires et sont parvenues non seulement à survivre, mais aussi à s’épanouir au sein de cet environnement extrême. Grâce aux enseignements des populations locales, Hazen Audel révèle les méthodes fascinantes qui permettent de ne pas succomber aux dangers de la jungle.</t>
  </si>
  <si>
    <t>P0834856</t>
  </si>
  <si>
    <t>A l'épreuve d'une tribu : La forêt des extrêmes</t>
  </si>
  <si>
    <t>Extreme Forests</t>
  </si>
  <si>
    <t>Hazen Audel, moniteur de survie et guide en milieu sauvage, nous emmène au cœur des forêts les plus périlleuses de la planète. Situées à des centaines de kilomètres de la civilisation, l’eau et la nourriture y sont rares et d’innombrables dangers jalonnent le chemin. Pourtant, des populations indigènes y vivent depuis des millénaires. Elles ont appris à leurs dépens qu’au cœur de la forêt, la mort n’est jamais loin…</t>
  </si>
  <si>
    <t>N0016374</t>
  </si>
  <si>
    <t>Air Crash : Panique au-dessus du Pacifique</t>
  </si>
  <si>
    <t>Panic Over The Pacific</t>
  </si>
  <si>
    <t>La collision d'un DC-9 d'Aeromexico et d'un petit Piper Cherokee privé près de l'aéroport de Los Angeles bouleversa en profondeur la façon dont les avions étaient suivis par les contrôleurs aériens.</t>
  </si>
  <si>
    <t>08/06/2021</t>
  </si>
  <si>
    <t>N0019903</t>
  </si>
  <si>
    <t>Brain Games : Testez votre cerveau - C'est l'heure !</t>
  </si>
  <si>
    <t>Brain Games</t>
  </si>
  <si>
    <t>It's About Time</t>
  </si>
  <si>
    <t>00:35</t>
  </si>
  <si>
    <t>C'est ce qui vous réveille le matin, vous permet de savoir quand votre repas est prêt et de savoir quand aller travailler. C'est lui qui fait la différence entre les catastrophes et les évènements manqués de justesse. On parle bien évidemment du temps. Cet épisode explore comment le cerveau peut mesurer quelque chose d'aussi abstrait et invisible. Vous allez découvrir pourquoi le temps passe vite quand vous vous amusez et ralentit lorsque vous êtes en danger. Le plus important, nous allons vous montrer comment faire en sorte que les années qui passent ne vous filent pas entre les mains...</t>
  </si>
  <si>
    <t>N0019718</t>
  </si>
  <si>
    <t>Brain Games : Testez votre cerveau - Focus Pocus</t>
  </si>
  <si>
    <t>Focus Pocus</t>
  </si>
  <si>
    <t>Pensez-vous que votre champ de vision est vraiment au point ou que votre cerveau se concentre seulement sur ce qui se passe en face de vous ? Vous pensez savoir exactement ce qui est le plus important à un moment donné ? Détrompez-vous. Cet épisode de Brain Games met votre concentration et votre attention à rude épreuve avec une série d'expériences fascinantes montrant comment votre matière grise peut choisir sur quoi se concentrer à un moment précis !</t>
  </si>
  <si>
    <t>P0836892</t>
  </si>
  <si>
    <t>Voyage au bout de l'enfer : Les enfers thaïlandais</t>
  </si>
  <si>
    <t>Thai Meth Bust</t>
  </si>
  <si>
    <t>À Watford, en Angleterre, Jimmy déteste son métier de facteur. Il se fait soudainement licencier, lui offrant l’opportunité de réaliser son rêve : ouvrir un bar en Thaïlande. Alors que son entreprise est un véritable succès, Jimmy se met rapidement à vendre jusqu’à 200 grammes de méthamphétamine par jour. Au cours d’un démantèlement, il se fait arrêter et est envoyé tout droit dans une prison gangrénée par la violence. Prêt à tout pour survivre, il perd trois dents lors d’une bagarre et purge une peine de plus de quatre ans de prison, avant d’être libéré en 2014.</t>
  </si>
  <si>
    <t>P0790472</t>
  </si>
  <si>
    <t>Voyage au bout de l'enfer: On ne joue pas avec la mafia</t>
  </si>
  <si>
    <t>Narco At Nineteen</t>
  </si>
  <si>
    <t>En 2012, Simone Blignaut occupe un poste lucratif auprès de l’un des barons de la drogue de Johannesburg. Lorsque son patron la charge de conclure une vente importante de cocaïne en Bolivie, l’adolescente de 19 ans est dépassée. Elle réalise alors qu’elle a été dénoncée pour trafic de cocaïne liquide et doit éviter à tout prix d’être capturée par la police bolivienne si elle souhaite connaître un sort différent de celui de sa mère.</t>
  </si>
  <si>
    <t>N0013451</t>
  </si>
  <si>
    <t>Air Crash : Perdu en plein vol</t>
  </si>
  <si>
    <t>Out of Sight</t>
  </si>
  <si>
    <t>Dans cette nouvelle saison, AIR CRASH reprend ses enquêtes dans l'espoir de découvrir la vérité derrière ces accidents aériens souvent tragiques. Basé sur des enregistrements, des rapports et des témoignages, chaque épisode relate minute par minute le déroulement du drame à partir d'interviews, images de synthèse spectaculaires et reconstitutions captivantes.</t>
  </si>
  <si>
    <t>N0016403</t>
  </si>
  <si>
    <t>Air Crash : Tombé du ciel</t>
  </si>
  <si>
    <t>Falling From The Sky</t>
  </si>
  <si>
    <t>24 juin 1982 : les moteurs du vol 009 de British Airways s'enflamment. L'avion commence à tomber du ciel. Le pilote est confronté à un choix crucial?</t>
  </si>
  <si>
    <t>N0024438</t>
  </si>
  <si>
    <t>Vol au-dessus de la Chine : L'avenir en marche</t>
  </si>
  <si>
    <t>China From Above 1, 2</t>
  </si>
  <si>
    <t>Prenez à nouveau de la hauteur pour apprendre comment la Chine d'aujourd'hui vit, se nourrit, travaille, voyage et se divertit. Découvrez comment cette nation a réussi à transformer ses villes et ses infrastructures en seulement trois décennies tout en maintenant ses traditions vivantes. Soulevez également le voile sur les conséquences néfastes de l'industrialisation galopante de la Chine sur l'environnement mondial et les solutions recherchées. Enfin, découvrez comment cette population de plus d'1 milliard d'habitants se divertit.</t>
  </si>
  <si>
    <t>P0815648</t>
  </si>
  <si>
    <t>Le Japon vu du ciel : Du pays de neige à Tokyo</t>
  </si>
  <si>
    <t>Du pays de neige à Tokyo</t>
  </si>
  <si>
    <t>Ce film célèbre la région du Tōhoku – « nord-est » en Japonais –, territoire méconnu et superbe qui rassemble les six préfectures septentrionales de l’île d’Honshu. A l’image d’Hokkaido, cette zone montagneuse demeure très rurale et plutôt sauvage, soumise à d’intenses variations climatiques. Chaque hiver, le « pays de neige », expression consacrée pour décrire une vaste zone qui s’étend le long de la côte bordant la mer du Japon et qui englobe une partie du Tōhoku, reçoit des quantités impressionnantes de neige. Un handicap pour les habitants, mais un bienfait environnemental le printemps venu, grâce à l’abondance des eaux de fonte descendues des reliefs dans les rizières ou les salmonicultures. Par contraste, au cœur de la région voisine et plus tempérée du Kantō s’étend l’immense plaine éponyme, la plus vaste du Japon. L’agglomération la plus peuplée au monde, celle de Tokyo, s’y est développée : 38 millions d’habitants y cohabitent, dans l’ombre symbolique de la montagne sacrée du Japon, le Mont Fuji.</t>
  </si>
  <si>
    <t>Narco Wars : La guérilla d’Escobar</t>
  </si>
  <si>
    <t>Narco Wars</t>
  </si>
  <si>
    <t>Escobar Goes To War</t>
  </si>
  <si>
    <t>Dans cet épisode, Pablo Escobar mène une double guerre contre les autorités et contre ses rivaux, le cartel de Cali. Entre explosions d’avions de ligne et assassinats d’hommes politiques, le baron de la drogue sème la terreur.</t>
  </si>
  <si>
    <t>Narco Wars : Secte de narcos</t>
  </si>
  <si>
    <t>Narco Cult</t>
  </si>
  <si>
    <t>Dans cet épisode, le baron de la méthamphétamine Nazario Moreno fait d’un cartel de la drogue la première secte de narcotrafiquants du Mexique : les abominables « chevaliers templiers ».</t>
  </si>
  <si>
    <t>Narco Wars : L’après-Escobar</t>
  </si>
  <si>
    <t>After Pablo</t>
  </si>
  <si>
    <t>À la mort de Pablo Escobar, les frères Rodriguez prennent la relève et deviennent les nouveaux barons de la cocaïne. Faisant de la corruption leur spécialité, ils n’hésitent pas à acheter les présidents colombiens.</t>
  </si>
  <si>
    <t>Narco Wars : Ennemi public numéro 1</t>
  </si>
  <si>
    <t>Chapo: Public Enemy No 1</t>
  </si>
  <si>
    <t xml:space="preserve">Découvrez le récit de la traque d’El Chapo, le trafiquant le plus recherché au monde, raconté par deux femmes dont les maris ont contribué à son arrestation. </t>
  </si>
  <si>
    <t>Narco Wars : Le dernier parrain</t>
  </si>
  <si>
    <t>The Last Don</t>
  </si>
  <si>
    <t>Au milieu des années 1990, des guérilleros de gauche et des groupes paramilitaires d’extrême droite plongent la Colombie dans une guerre civile financée par l’argent du trafic de cocaïne.</t>
  </si>
  <si>
    <t>N0028086</t>
  </si>
  <si>
    <t>Yukon Gold : L'Or à tout prix - Une pluie diluvienne</t>
  </si>
  <si>
    <t>Hard Rain, Bad Luck</t>
  </si>
  <si>
    <t>00:43</t>
  </si>
  <si>
    <t>Nick, l'assistant de Chris et Nika à la mine, embourbe leur bulldozer tandis qu'ils réalisent leur plus grosse percée. Bernie fait fonctionner son usine de lavage au-delà de ses capacités pour en maximiser l'efficacité. Karl fait son possible pour rester sur sa lancée tandis qu'une pluie torrentielle menace sérieusement son opération. Big Al ouvre une nouvelle mine en espérant trouver de l'or, suite à une mauvaise pesée.</t>
  </si>
  <si>
    <t>N0024554</t>
  </si>
  <si>
    <t>Sale Affaire ! : Au pied du mur</t>
  </si>
  <si>
    <t>Smoke 'em</t>
  </si>
  <si>
    <t>Lorsque le poêle qui alimente son fumoir tombe en panne, toute l'activité de Ray s'arrête. En Louisiane, les gars du bayou, David LaGrange ainsi que Keith et Seth Major, sont sur la piste d'un très grand alligator qui leur a volé leurs appâts, leur occasionnant une perte de quelques milliers de dollars. Du côté du Maine, malgré des vents violents et l'avertissement lancé aux petites embarcations, Jim et Andy se lancent dans leur dernière chasse aux oursins de la saison. Pendant ce temps, Cliff doit affronter l'une de ses plus grandes peurs.</t>
  </si>
  <si>
    <t>N0025496</t>
  </si>
  <si>
    <t>Top Cars : Porsche Panamera</t>
  </si>
  <si>
    <t>Porsche Panamera</t>
  </si>
  <si>
    <t>Dans cet épisode, les ingénieurs Ralph et Raven reçoivent d’Afzal Kahn la mission de transformer une Porsche Panamera banale en superbe voiture écologique hautes performances. L’objectif pour M. Kahn est de produire une voiture qui saura contenter l’appétit croissant des Chinois pour les voitures hautes performances mais qui  respectera des normes strictes en matière d’importation et d’émission de polluants liées à la taille du moteur. À la recherche de l’hybride idéal, les deux ingénieurs partent à la rencontre de l’équipe Porsche qui a gagné les 24 heures du Mans avec un moteur similaire au leur. Afin d’augmenter les performances du véhicule, ils vont également modifier le « cerveau électrique » de la voiture. De retour au Royaume-Uni, M. Kahn travaille sur un nouveau plan ingénieux de disposition des sièges et une nouvelle gamme de styles attrayants pour dirigeants perspicaces. Ralph et Ranen s’appliquent à parfaire l'aérodynamisme de la voiture pour garantir les meilleures performances possibles. Le nouveau modèle est présenté à une délégation de dirigeants commerciaux chinois dans le showroom de M. Kahn à Londres. La nouvelle voiture aura-t-elle suffisamment de succès pour remplir les carnets de commandes ?</t>
  </si>
  <si>
    <t>N0025495</t>
  </si>
  <si>
    <t>Top Cars : Rolls-Royce Silver Shadow</t>
  </si>
  <si>
    <t>Rolls Royce Silver Shadow</t>
  </si>
  <si>
    <t>Dans cet episode de " Top Cars ", Ralph Hosier et Ranen Rudra font face à une demande originale venant de la pop star Shane Lynch : il souhaite transformer sa Rolls Royce Silver Shadow de 1979 en une méchante machine de drift.
Pour cela, nos ingenieurs iront au Japon, pays où est née cette discipline et leur création sera testée pendant la compétition internationale de drift qui a lieu en Irelande.</t>
  </si>
  <si>
    <t>P0873040</t>
  </si>
  <si>
    <t>Ultimate Airport Brésil : Poudre blanchissante</t>
  </si>
  <si>
    <t>Airport Security: Brazil</t>
  </si>
  <si>
    <t>Cocaine Blame</t>
  </si>
  <si>
    <t>À l’aéroport international de Sao Paulo, les agents de la police fédérale luttent 24h/24 et 7j/7 contre les activités illicites. Leur principal défi : le trafic de cocaïne. Ils interpellent une femme en possession de plusieurs sacs à main remplis de cocaïne qui clame son innocence. Elle explose de rage lorsque les policiers lui ramènent son petit-ami. En parallèle, les forces de l’ordre interceptent de la drogue sous forme de poudre décolorante et arrêtent une seconde femme qui dissimule de la cocaïne dans ses sous-vêtements… et peut-être ailleurs.</t>
  </si>
  <si>
    <t>P0873039</t>
  </si>
  <si>
    <t>Ultimate Airport Brésil : Coup de théâtre</t>
  </si>
  <si>
    <t>Cardiac Cocaine</t>
  </si>
  <si>
    <t>À l’aéroport international de Sao Paulo, les agents de la police fédérale luttent 24h/24 et 7j/7 contre les activités illicites. Leur principal défi : le trafic de cocaïne. Une femme qui transportait des stupéfiants dans des sachets de produits décolorants capillaires est arrêtée. Prise d’un malaise spectaculaire, les agents craignent le pire. En parallèle, des policiers découvrent près de trois kilos de cocaïne au milieu de photos du pape. En plein délit de fuite, un homme dissimulant de la poudre dans la doublure de ses bagages est interpellé.</t>
  </si>
  <si>
    <t>N0018613</t>
  </si>
  <si>
    <t>Aéroport JFK : Pris en flag ! : La pression monte</t>
  </si>
  <si>
    <t>To Catch A Smuggler: JFK Airport</t>
  </si>
  <si>
    <t>Search &amp; Seize</t>
  </si>
  <si>
    <t>Les agents du US Customs and Border Protection (CBP) et du US Immigration and Customs Enforcement (ICE) luttent contre les criminels qui tentent de faire passer des marchandises illégales y compris de la drogue aux États-Unis. Travaillant à l'aéroport international JFK, une des plus grandes plaques tournantes de voyageurs entre l'Amérique et l'étranger, ils scannent  l'énorme masse de personnes transitant et repèrent les comportements suspects. Quand ils découvrent des colis douteux, ces agents doivent démêler les mensonges pour trouver la vérité. La sécurité des équipes et la sécurité de la nation est leur seul objectif. Pourtant, ces officiers estiment faire un métier ordinaire...</t>
  </si>
  <si>
    <t>N0018175</t>
  </si>
  <si>
    <t>Aéroport JFK : Pris en flag ! : Cocaïne en poche</t>
  </si>
  <si>
    <t>Coke In The Coat</t>
  </si>
  <si>
    <t xml:space="preserve">Chaque année, des vols venant du monde entier atterrissent à l'aéroport international JFK, transportant environ quarante-six millions de passagers. Les douanes américaines ainsi que les agents  spéciaux de sécurité nationale sont sur le qui-vive : intercepter une famille avec de l'héroïne dans ses bagages ou bien déterminer ce qui déclenche les alarmes de radiation, ces officiers sont prêts à relever tous les défis !  </t>
  </si>
  <si>
    <t>25:40:00:00</t>
  </si>
  <si>
    <t>09/06/2021</t>
  </si>
  <si>
    <t>N0019900</t>
  </si>
  <si>
    <t>Brain Games : Testez votre cerveau - Pas de panique !</t>
  </si>
  <si>
    <t>Don't Be Afraid</t>
  </si>
  <si>
    <t>Quand il s'agit de la peur, nous sommes parfois à la merci de notre cerveau. Mais vous serez surpris d'apprendre qu'une bonne dose de peur est parfois bonne pour la santé. Cet épisode de Brain Games vous dit tout sur la peur et la surprise. Des scientifiques vous nous expliquer comment la peur peut décupler nos capacités, pourquoi il nous arrive d'avoir la chair de poule et pourquoi nous ne devrions pas craindre d'avoir peur !</t>
  </si>
  <si>
    <t>N0019899</t>
  </si>
  <si>
    <t>Brain Games : Testez votre cerveau - Action - réaction</t>
  </si>
  <si>
    <t>Motion Commotion</t>
  </si>
  <si>
    <t>Évoluant dans un monde constamment en mouvement, notre cerveau s'est développé de manière sophistiqué pour survivre. Dans cet épisode de Brain Games une question faussement simple se pose : qu'est-ce que réellement le mouvement ? Nous explorons la façon dont notre cerveau détecte, interprète et réagit aux mouvements et comment il peut être dupe dans certaines situations.</t>
  </si>
  <si>
    <t>P0836894</t>
  </si>
  <si>
    <t>Voyage au bout de l'enfer : À la frontière grecque</t>
  </si>
  <si>
    <t>Greek Border Bust</t>
  </si>
  <si>
    <t>En 1969, David et Tom, deux amis californiens, commencent à faire passer en contrebande de la marijuana dans des valises à destination de Hawaï. L’argent coulant à flots, ils ne tardent pas à mettre au point un plan beaucoup plus ambitieux : introduire clandestinement 50 kilos de haschisch depuis l’Afghanistan jusqu’à l’Allemagne à bord d’une Land Rover. Tout se passe comme prévu jusqu’à la frontière grecque, où des policiers percent le fond du véhicule et découvrent la drogue. Condamnés à 20 ans de prison, ils se retrouvent emprisonnés au sein d’une forteresse située sur une île. Après quatre ans derrière les barreaux et une tentative d’évasion ratée en moto, les deux amis imaginent une fugue audacieuse par bateau et fuient à travers l’Europe, avant de rejoindre les États-Unis.</t>
  </si>
  <si>
    <t>P0790473</t>
  </si>
  <si>
    <t>Voyage au bout de l'enfer: Ce que j'ai fait par amour</t>
  </si>
  <si>
    <t>Double Crossed In The Desert</t>
  </si>
  <si>
    <t>Alors que le journaliste Phil Cox retourne au Soudan pour enquêter sur des allégations d’utilisations illégales d’armes chimiques, ses plans tombent à l’eau lorsqu’il apprend l’existence d’une prime sur sa tête pour quiconque le capturerait ou le tuerait. Pris en embuscade par des milices soutenues par le gouvernement, le journaliste sait qu’il ne tardera pas à être torturé voire tué. Malgré la destruction de tous ses appareils de communication, il doit alerter sa femme et son producteur restés au pays. Cette dernière réussira-t-elle à le sauver ?</t>
  </si>
  <si>
    <t>N0013452</t>
  </si>
  <si>
    <t>Air Crash : Vol Officiel</t>
  </si>
  <si>
    <t>Inbound</t>
  </si>
  <si>
    <t>N0014121</t>
  </si>
  <si>
    <t>Air Crash : Combat contre le feu</t>
  </si>
  <si>
    <t>Fire Fight</t>
  </si>
  <si>
    <t>En juin 1983, un problème mécanique à l'arrière d'un avion canadien tourne à l'alerte générale. Une fumée toxique envahit l'avion avant de s'enflammer, tuant 23 personnes.</t>
  </si>
  <si>
    <t>P0848673</t>
  </si>
  <si>
    <t>Vol au-dessus de la Chine : Des littoraux effervescents</t>
  </si>
  <si>
    <t>Dynamic Coast</t>
  </si>
  <si>
    <t xml:space="preserve">Depuis le ciel, partez à la découverte des provinces côtières de l’est de la Chine et de la diversité de leurs habitants, des citadins qui peuplent les mégalopoles les plus denses du monde aux ruraux qui façonnent son grand littoral.
</t>
  </si>
  <si>
    <t>P0815654</t>
  </si>
  <si>
    <t>Le Japon vu du ciel : Le berceau des traditions</t>
  </si>
  <si>
    <t>Le berceau des traditions</t>
  </si>
  <si>
    <t>Ce film nous emmène à la découverte des trésors du centre de l’île d’Honshu. Depuis les vertigineux massifs des Alpes japonaises, qui recouvrent une grande partie de la région du Chubu au cœur même de l’île, jusqu’à la plaine orientale du Kansai et les villes d’Osaka et de Kyoto, maillons essentiels de l’immense mégalopole japonaise et berceau de la civilisation nippone, le Japon apparaît encore et toujours comme une terre aux multiples facettes. Dans le Kansai, de nombreux vestiges anciens participent à la légende de cette région où le pouvoir, la religion, le mysticisme et les arts se sont très tôt conjugués avec raffinement et splendeur. Nous découvrirons qu’au cœur de cette société hautement sophistiquée subsistent de nombreux savoir-faire et artisanats, souvent anciens et délicats, toujours extraordinaires – sabres, papier washi, feux d’artifices, etc. Un authentique voyage entre tradition et modernité, de Kyoto à Nagano, en passant par Nara et la péninsule de Noto.</t>
  </si>
  <si>
    <t>P0884734</t>
  </si>
  <si>
    <t>Air Crash : Descente gelée</t>
  </si>
  <si>
    <t>Icy Descent</t>
  </si>
  <si>
    <t>En direction de Comodora, sur le littoral de Patagonie, le vol 5428 de la compagnie SOL Airlines s’écrase au cœur d’un désert reculé, tuant sur le coup tous les passagers. Les enquêteurs argentins passent au peigne fin les nombreux débris calcinés et ne découvrent rien d’anormal… jusqu’à ce qu’un filament microscopique apporte une première piste.</t>
  </si>
  <si>
    <t>P0884735</t>
  </si>
  <si>
    <t>Air Crash : Amerrissage dans l’Atlantique</t>
  </si>
  <si>
    <t>Atlantic Ditching</t>
  </si>
  <si>
    <t>Un hélicoptère dernier cri, qui transporte des ouvriers pétroliers jusqu’à une plate-forme de forage, s’écrase au large de Terre-Neuve. Contre toute attente, un homme survit. En l’espace de quelques heures, une mission de sauvetage de grande ampleur s’organise afin de retrouver les victimes, les boîtes noires et les fragments d’épave dispersés au fond de l’océan. Après avoir mis bout à bout les indices, les enquêteurs dévoilent l’existence d’un défaut de conception fatal sur le S-92.</t>
  </si>
  <si>
    <t>P0884736</t>
  </si>
  <si>
    <t>Air Crash : Sans crier garde</t>
  </si>
  <si>
    <t>No Warning</t>
  </si>
  <si>
    <t>Un turbopropulseur approche d’un aéroport reculé de Papouasie, en Indonésie, et disparaît soudainement. Non loin de là, une fumée s’échappe d’un sommet de montagne et conduit les équipes de secours jusqu’à l’épave. Il ne reste plus aux enquêteurs qu’à découvrir pourquoi les trois systèmes censés empêcher la tragédie n’ont pas fonctionné.</t>
  </si>
  <si>
    <t>P0884737</t>
  </si>
  <si>
    <t>Air Crash : Un tueur dans le cockpit</t>
  </si>
  <si>
    <t>Cockpit Killer</t>
  </si>
  <si>
    <t>Alors en direction de Luanda, en Angola, le vol 470 de LAM Mozambique Airlines disparaît des écrans radars. Les gardes forestiers d’un parc reculé de Namibie finissent par découvrir l’épave. Les enquêteurs du NTSB se joignent à une équipe locale afin de faire toute la lumière sur cette affaire sans précédent. Les débris de l’appareil révèlent le premier indice probant. Après avoir écarté une multitude de causes plausibles, les experts se retrouvent face à une conclusion glaçante.</t>
  </si>
  <si>
    <t>P0884739</t>
  </si>
  <si>
    <t>Air Crash : Équipage tempétueux</t>
  </si>
  <si>
    <t>Stormy Cockpit</t>
  </si>
  <si>
    <t>Après un décollage en pleine tempête, un Boeing 737 flambant neuf fond sur l’Afrique de l’Ouest. Une équipe d’enquêteurs internationale ne tarde pas à débarquer au Cameroun. Submergé par la boue et les eaux, l’avion du vol 507 de Kenya Airlines s’est écrasé dans une mangrove, tuant tous les passagers à bord. Alors que les experts finissent par identifier l’erreur fatale à l’origine de la catastrophe, ils découvrent une série d’anomalies ayant provoqué la déroute de l’appareil.</t>
  </si>
  <si>
    <t>N0028087</t>
  </si>
  <si>
    <t>Yukon Gold : L'Or à tout prix - Une journée chaotique</t>
  </si>
  <si>
    <t>Embrace the Chaos</t>
  </si>
  <si>
    <t xml:space="preserve">Nika et Chris font face à des pannes de machines et à des problèmes d'eau, mais un nouveau membre de leur équipe va leur permettre de tourner la chance en leur faveur. Kina, la femme de Ken est enceinte, et tente de le persuader de rentrer chez eux pour la naissance de leur enfant. Mais la saison de son mari vient seulement de commencer... Karl procède au lavage de l'or issu de sa percée, en espérant trouver une nouvelle source abondante. Le perfectionnisme de Bernie lui coûte un membre de son équipe : son fils Jarret disparaît sans prévenir. </t>
  </si>
  <si>
    <t>N0024555</t>
  </si>
  <si>
    <t>Sale Affaire ! : La guerre de territoire</t>
  </si>
  <si>
    <t>Turf Wars</t>
  </si>
  <si>
    <t>En Louisiane, malades et fatigués d'attendre que les alligators pointent le bout de leur queue, les chasseurs de crocodiles prennent l'initiative du combat. Dans la forêt nationale d'Olympic, Chris et Levena se retrouvent face à leur plus grande peur. Loin de leurs marécages préférés, Jim et Andy doivent creuser dans la dangereusement célèbre crique du maraudeur. De son côté, Ray Turner pourrait bien devoir dire adieu à la saison de l'anguille.</t>
  </si>
  <si>
    <t>N0025497</t>
  </si>
  <si>
    <t>Top Cars : Bentley Mulsanne</t>
  </si>
  <si>
    <t>Bentley Mulsanne</t>
  </si>
  <si>
    <t>N0025494</t>
  </si>
  <si>
    <t>Top Cars : Range Rover Evoque</t>
  </si>
  <si>
    <t>Range Rover Evoque</t>
  </si>
  <si>
    <t>Afzal Kahn, designer et magnat de l'industrie automobile a une idée pour un prototype basé sur une voiture qu'il connaît très bien, la Range Rover Evoque. Son plan : transformer ce crossover urbain pour en faire le nec plus ultra des véhicules tout terrain, inspiré des 4x4 du Paris-Dakar. Pour ce faire, ses ingénieurs experts vont devoir tester le véhicule dans l'un des environnements les plus extrêmes qu'on puisse imaginer, fabriquer un kit de suspension unique pour améliorer sa garde au sol, installer de puissants éclairages sur le toit et faire subir à l'Evoque un programme intensif inspiré du Paris-Dakar.  Mr Kahn ne décidera de le proposer à ses clients les plus aventureux que si le prototype est capable d'affronter les dunes de sable du Sahara.</t>
  </si>
  <si>
    <t>A la poursuite des tornades : Double menace</t>
  </si>
  <si>
    <t>Hurricane Double Threat</t>
  </si>
  <si>
    <t>Une saison d’ouragans record dans l’Atlantique met à l’épreuve Reed et Mike, qui s’empressent d’aller recueillir des données au cœur de deux tempêtes censées frapper le littoral du golfe du Mexique l’une après l’autre. Si un tel événement n’avait pas été décrit depuis 1933, il pourrait n’être qu’un aperçu d’une nouvelle norme, compte tenu de l’augmentation des ouragans ces dernières années.</t>
  </si>
  <si>
    <t>A la poursuite des tornades : Du jour au lendemain</t>
  </si>
  <si>
    <t>Overnight Disaster</t>
  </si>
  <si>
    <t>En l’espace d’une semaine, des feux de forêt, une tempête de neige et un ouragan sans précédent balaient les États-Unis. Reed et Mike se préparent à aller recueillir des données en plein cœur de l’ouragan Sally afin de mieux comprendre le lien entre l’instabilité du climat et l’émergence d’une nouvelle forme de tempête plus meurtrière.</t>
  </si>
  <si>
    <t>N0016508</t>
  </si>
  <si>
    <t>La minute de vérité : Le tsunami de 2004</t>
  </si>
  <si>
    <t>Seconds from Disaster</t>
  </si>
  <si>
    <t>Asian Tsunami</t>
  </si>
  <si>
    <t>Le tsunami du 26 décembre 2004 est la plus grande catastrophe naturelle de l'ère moderne. Plus de 200.000 personnes périrent. Comment est-il survenu, et comment en éviter d'autres ?</t>
  </si>
  <si>
    <t>N0013905</t>
  </si>
  <si>
    <t>La minute de vérité : Tornade infernale</t>
  </si>
  <si>
    <t>Tornado Outbreak</t>
  </si>
  <si>
    <t>En 1974, une tempête se scinda en 148 tornades, tuant 315 personnes et détruisant des milliers de maisons. Le professeur Fujita et son équipe étudient cette tempête du siècle.</t>
  </si>
  <si>
    <t>P0859149</t>
  </si>
  <si>
    <t>Sauvons la Méditerranée</t>
  </si>
  <si>
    <t>Heroes of The Mediterranean</t>
  </si>
  <si>
    <t>Spain</t>
  </si>
  <si>
    <t>Le biologiste de la vie aquatique et explorateur National Geographic Manu San Felix étudie l’impact des hommes sur la Méditerranée espagnole. Sillonnant la région, il part à la rencontre de celles et ceux qui tentent de changer la donne et de réparer les dégâts.</t>
  </si>
  <si>
    <t>10/06/2021</t>
  </si>
  <si>
    <t>N0019898</t>
  </si>
  <si>
    <t>Brain Games : Testez votre cerveau - Pouvoir de persuasion</t>
  </si>
  <si>
    <t>Power of Persuasion</t>
  </si>
  <si>
    <t>Chaque jour, votre cerveau est manipulé par les commerçants, les annonceurs ou encore les candidats politiques... mais vous êtes-vous jamais demandé comment s'y prennent-ils ? Cet épisode de Brain Games révèle ce qu'il y a derrière le pouvoir de persuasion, les astuces et les techniques qui sont utilisées pour influencer et contrôler une décision. Vous allez être étonné de voir à quel point il est facile de se laisser convaincre... même quand vous savez ce qu'il va arriver.</t>
  </si>
  <si>
    <t>N0019609</t>
  </si>
  <si>
    <t>Brain Games : Testez votre cerveau - Voir c'est croire</t>
  </si>
  <si>
    <t>Seeing is Believing</t>
  </si>
  <si>
    <t>Les scientifiques ont constaté que l'illusion d'optique est l'une des meilleures façons de comprendre comment fonctionne notre cerveau. Grâce à une série de jeux, vos yeux vont être victimes de quelques tours et vous découvrirez comment votre cerveau construit la réalité. Préparez-vous à comprendre pourquoi vous ne devriez pas toujours faire confiance à vos yeux !</t>
  </si>
  <si>
    <t>P0836895</t>
  </si>
  <si>
    <t>Voyage au bout de l'enfer : Coke aux Caraïbes</t>
  </si>
  <si>
    <t>Caribbean Coke King</t>
  </si>
  <si>
    <t>Après avoir perdu son emploi dans les ressources humaines et essuyé un divorce, Michael Singh tombe en dépression. Andre, une vieille connaissance, lui propose alors de passer de la cocaïne en contrebande. Michael se lie d’amitié avec son recruteur et retrouve un sens à sa vie. Mais lorsqu’il accepte une mission plus importante pour lui rendre service, il est pris en flagrant délit et condamné à 10 ans de prison dans un pénitencier dominicain.</t>
  </si>
  <si>
    <t>P0790471</t>
  </si>
  <si>
    <t>Voyage au bout de l'enfer: A la frontiere mexicaine</t>
  </si>
  <si>
    <t>Mexican Border Bust</t>
  </si>
  <si>
    <t>1974, sud de la Californie. Steve Peterson embrasse pleinement le mouvement de contre-culture bohème qui s’empare alors de la Californie du Sud. Ainsi, lorsque l’occasion d’introduire clandestinement 120 kilos de marijuana depuis le Mexique se présente, il n’hésite pas un seul instant. La police de Tijuana compromet son plan et Steve se retrouve à purger des années derrière les barreaux de la sinistre prison meurtrière de La Mesa. À moins qu’il ne trouve un moyen de s’évader ?</t>
  </si>
  <si>
    <t>N0013614</t>
  </si>
  <si>
    <t>Air Crash : Le crash de Charm El-Cheikh</t>
  </si>
  <si>
    <t>Desperate Dive</t>
  </si>
  <si>
    <t>3 janvier 2004. Quelques instants après avoir quitté l'aéroport de Charm-el Cheik, un Boeing 737 s'écrase dans la Mer Rouge. Aucun des 148 passagers à bord n'a survécu. Les enregistreurs de vol dévoilent les derniers instants de l'avion.
Etait-ce un acte de terrorisme ? Une défaillance technique ? Ou bien l'erreur fatale d'un équipage expérimenté ?</t>
  </si>
  <si>
    <t>N0016388</t>
  </si>
  <si>
    <t>Air Crash : Atterrissage fatal</t>
  </si>
  <si>
    <t>Missed Approach</t>
  </si>
  <si>
    <t>En 1991, lors de sa descente vers la piste de Colorado Springs, un Boeing 737 tombe du ciel à la vitesse de 350 Km/h et s'écrase en 10 secondes, tuant 20 passagers et cinq membres d'équipage. Trois ans plus tard, un autre 737 connaît un destin semblable et le crash fait cette fois 132 victimes. Les millions de dollars de l'industrie aéronautique sont en jeu et les enquêteurs de Boeing découvrent bientôt des points communs troublants entre les deux accidents : une petite valve hydraulique !</t>
  </si>
  <si>
    <t>P0848674</t>
  </si>
  <si>
    <t>Vol au-dessus de la Chine : Terres montagneuses et fluviales</t>
  </si>
  <si>
    <t>Land of Mountains And Rivers</t>
  </si>
  <si>
    <t>Depuis le ciel, partez à la découverte des immenses terres chinoises et de ces habitants qui évoluent au cœur d’environnements parmi les plus variés de la planète.</t>
  </si>
  <si>
    <t>P0815665</t>
  </si>
  <si>
    <t>Le Japon vu du ciel : La terre des dieux</t>
  </si>
  <si>
    <t>La terre des dieux</t>
  </si>
  <si>
    <t>Ce film met à l’honneur le Chūgoku, l’extrémité occidentale de l’île d’Honshu, et Shikoku, la plus petite des quatre « grandes » îles du Japon. Ensemble elles partagent une longue histoire de relations culturelles et commerciales, tout à la fois séparées et réunies par la mer intérieure de Seto. Ses rivages sont aussi ensoleillés que peuplés : les grandes capitales régionales comme Hiroshima – haut lieu de mémoire – et Matsuyama, s’y concentrent, ainsi que la plupart des activités. Ses eaux calmes et riches, et le climat, ensoleillé et doux, ont permis le développement de productions aussi diverses que l’aquaculture et l’oléiculture, spécialité de l’île de Shodoshima. L’intérieur de Chūgoku – « le pays du milieu » en japonais – et celui de Shikoku sont plus rugueux et moins habités. Les habitants de Shikoku voient cependant défiler chaque année des centaines de milliers de marcheurs qui effectuent le grand pèlerinage dédié au maître bouddhiste Kobo Daishi. Un Japon spirituel, vibrant et mystérieux.</t>
  </si>
  <si>
    <t>P0848768</t>
  </si>
  <si>
    <t>Science of Stupid : La neige</t>
  </si>
  <si>
    <t>Science of Stupid Compilations</t>
  </si>
  <si>
    <t>Science of Stupid Winter Wonderland</t>
  </si>
  <si>
    <t>Emmitouflez-vous ! Nous partons vers les contrées glacées de la science, là où des individus téméraires ont fait fi des principes fondamentaux de la physique pour se retrouver pris au piège par une avalanche de douleur et d’ennuis. À travers des animations sur mesure et des extraits au ralenti, Dallas Campbell nous montre les impairs à ne pas commettre au volant d’une motoneige, au hockey sur glace ou sur de fines plaques de glace.</t>
  </si>
  <si>
    <t>13:35:00:00</t>
  </si>
  <si>
    <t>P0848769</t>
  </si>
  <si>
    <t>Science of Stupid : L’inventivité humaine</t>
  </si>
  <si>
    <t>Science of Stupid Inventions</t>
  </si>
  <si>
    <t>L’ingéniosité de l’être humain nous a valu de nombreux progrès, à l’image des merveilleuses inventions que sont la tondeuse à gazon ou les rampes d’accès. Mais il arrive qu’au lieu de nous simplifier la vie, nous compliquions les choses. À travers des animations sur mesure et des extraits au ralenti, Dallas Campbell nous montre les erreurs à ne pas commettre lorsque nous passons sous un pont, déchargeons un camion ou faisons du flyboard.</t>
  </si>
  <si>
    <t>P0848770</t>
  </si>
  <si>
    <t>Science of Stupid : En plein vol</t>
  </si>
  <si>
    <t>Science of Stupid In The Air</t>
  </si>
  <si>
    <t>Embarquez pour un vol d’essai scientifique et découvrez les nombreuses tentatives, souvent soldées par des échecs, des êtres humains pour conquérir le ciel. À travers des animations sur mesure et des extraits au ralenti, Dallas Campbell nous montre les impairs à ne pas commettre à bord d’une montgolfière ou lors de sessions de kite jumping et nous explique pourquoi les frères Wright n’ont jamais sauté du cockpit. La dynamique des fluides n’a jamais été aussi passionnante !</t>
  </si>
  <si>
    <t>14:25:00:00</t>
  </si>
  <si>
    <t>P0848771</t>
  </si>
  <si>
    <t>Science of Stupid : En vacances</t>
  </si>
  <si>
    <t>Science of Stupid On Holiday</t>
  </si>
  <si>
    <t>Les vacances sont faites pour la relaxation mais peuvent se transformer en véritable enfer si l’on fait fi de la science. À travers des animations sur mesure et des extraits au ralenti, Dallas Campbell nous montre les erreurs à ne pas commettre lorsque l’on souhaite s’éviter un voyage au pays de la bêtise. Vous apprendrez à marcher avec des palmes au bord de la piscine, à profiter de visites culturelles sans faire de dégâts et à ne pas avoir d’accident à bord du bateau que vous venez d’acheter.</t>
  </si>
  <si>
    <t>P0852997</t>
  </si>
  <si>
    <t>Science of Stupid : En voiture !</t>
  </si>
  <si>
    <t>Science of Stupid Cars And Trucks</t>
  </si>
  <si>
    <t>Dans cet épisode, science et stupidité s’affrontent. Les véhicules à roues ont beau exister depuis plus de cinq millénaires, nombreux sont ceux qui semblent ne pas avoir saisi leur fonctionnement. À l’aide d’animations sur mesure et d’extraits au ralenti, Dallas Campbell analysera les mésaventures de conducteurs qui roulent en arrière, tentent de conduire sur le sable ou de remporter une course de vitesse.</t>
  </si>
  <si>
    <t>15:15:00:00</t>
  </si>
  <si>
    <t>P0852998</t>
  </si>
  <si>
    <t>Science of Stupid : Cascades</t>
  </si>
  <si>
    <t>Science of Stupid Stunts</t>
  </si>
  <si>
    <t xml:space="preserve">Science of Stupid revient pour une compilation des meilleurs moments des saisons 2, 3 et 4. La série présentée par Dallas Campbell reste fidèle au format original mais des animations inédites seront au rendez-vous.
</t>
  </si>
  <si>
    <t>P0852999</t>
  </si>
  <si>
    <t>Science of Stupid : Jungle de béton</t>
  </si>
  <si>
    <t>Science of Stupid In The Urban Jungle</t>
  </si>
  <si>
    <t>Dans cet épisode, la science met à l’épreuve le plus hostile des habitats : la jungle urbaine. À l’aide d’animations sur mesure et d’extraits au ralenti, Dallas Campbell analyse certaines des pires « menaces » qui pèsent sur l’humanité, telles que les escalators et les embouteillages. Les villes ont beau exister depuis plus de neuf millénaires, quelques règles élémentaires continuent de nous échapper. Comment s’insérer dans la circulation en toute sécurité ? Pourquoi l’escalade urbaine est-elle une mauvaise idée ? Pourquoi vaut-il mieux éviter de descendre des escaliers à vélo ?</t>
  </si>
  <si>
    <t>16:05:00:00</t>
  </si>
  <si>
    <t>P0853000</t>
  </si>
  <si>
    <t>Science of Stupid : Au boulot</t>
  </si>
  <si>
    <t>Science of Stupid Jobs</t>
  </si>
  <si>
    <t>P0851995</t>
  </si>
  <si>
    <t>Science of Stupid : La météo</t>
  </si>
  <si>
    <t>Science of Stupid Weather</t>
  </si>
  <si>
    <t>16:55:00:00</t>
  </si>
  <si>
    <t>P0853002</t>
  </si>
  <si>
    <t>Science of Stupid : Les jeux</t>
  </si>
  <si>
    <t>Science of Stupid Games</t>
  </si>
  <si>
    <t>N0028088</t>
  </si>
  <si>
    <t>Yukon Gold : L'Or à tout prix - La famille ou l’argent</t>
  </si>
  <si>
    <t>For Blood or Money</t>
  </si>
  <si>
    <t xml:space="preserve">Ken et Guillaume se dépêchent de procéder au lavage avant que Ken ne parte pour assister à la naissance de son fils. Bernie manque de perdre un second membre de son équipe, tandis qu'une dispute avec son plus jeune fils Justin met à l'épreuve ses qualités de père et de patron. Le pari de Big Al sur sa nouvelle mine porte ses fruits. Karl et son équipe font tout leur possible pour obtenir plus de 5,5 kilos d'or en une semaine : un record ! </t>
  </si>
  <si>
    <t>N0024556</t>
  </si>
  <si>
    <t>Sale Affaire ! : Les guerriers d'hivers</t>
  </si>
  <si>
    <t>Winter Warrior</t>
  </si>
  <si>
    <t>Dans les montagnes des Appalaches, Billy Taylor est engagé dans une véritable course contre la montre pour satisfaire la commande d'un client. Billy et ses gars parcourent les montagnes escarpées dans l'espoir de trouver une précieuse racine. Sur la rivière Delaware, le pêcheur d'anguilles Ray Turner espère faire une dernière grosse prise. Mais le déversoir utilisé par Ray est bouché et il va falloir le nettoyer. Sur les vasières du Maine, c'est l'anniversaire de Jim Campbell. Ce dernier est bien décidé à passer une journée tranquille pour pouvoir rentrer et fêter l'évènement chez lui. Mais c'était sans compter sur Andy qui lui n'a qu'un objectif : un gros chèque de paie. La tension monte entre les deux hommes.</t>
  </si>
  <si>
    <t>N0025500</t>
  </si>
  <si>
    <t>Top Cars : Chevrolet Camaro</t>
  </si>
  <si>
    <t>Chevrolet Camaro</t>
  </si>
  <si>
    <t>N0025498</t>
  </si>
  <si>
    <t>Top Cars : Mercedes-Benz Classe G</t>
  </si>
  <si>
    <t>Mercedes G-Wagen</t>
  </si>
  <si>
    <t>P0836949</t>
  </si>
  <si>
    <t>L'enfer des prisons : Les prisons du « Golden State »</t>
  </si>
  <si>
    <t>Lockdown Comps</t>
  </si>
  <si>
    <t>Golden State Slammer</t>
  </si>
  <si>
    <t>Le système carcéral californien abrite certains des détenus les plus dangereux du pays. Ils sont une menace à la fois pour les autres prisonniers, pour les gardiens mais aussi pour eux-mêmes. Dans cet épisode, nous nous rendrons derrière les barreaux d’une prison reculée en plein cœur du désert, où une guerre raciale couve et met en péril la sécurité de tous. Dans une prison pour femmes, des détenues violentes espèrent tisser des liens d’amitié derrière les barreaux, tandis que le recrutement des gangs prend un tour périlleux dans une prison de comté.</t>
  </si>
  <si>
    <t>P0836955</t>
  </si>
  <si>
    <t>L'enfer des prisons : Combats sanglants</t>
  </si>
  <si>
    <t>Bloody Battles</t>
  </si>
  <si>
    <t>Dans les prisons américaines, la violence représente une menace perpétuelle. Un détenu incontrôlable entaille la gorge d’agents pourtant chevronnés, un autre ayant grandi derrière les barreaux s’en prend à quiconque questionne son intégrité et une guerre de gangs menace d’enliser tout un établissement. Être préparé au combat est une question de survie dans ces milieux hostiles, où le sang est bien souvent versé lorsque l’on s’y attend le moins.</t>
  </si>
  <si>
    <t>P0836956</t>
  </si>
  <si>
    <t>L'enfer des prisons : Affaire de famille</t>
  </si>
  <si>
    <t>Family Business</t>
  </si>
  <si>
    <t>La criminalité est parfois une affaire de famille dans le système carcéral. En Californie, un redoutable chef de gang purge une peine de prison au côté de sa tante. Deux jumeaux assassins risquent de se retrouver derrière les barreaux.</t>
  </si>
  <si>
    <t>23:40:00:00</t>
  </si>
  <si>
    <t>Face au crime : Le fentanyl</t>
  </si>
  <si>
    <t>Fentanyl</t>
  </si>
  <si>
    <t>Aux États-Unis, le fentanyl est devenu la plus redoutable des drogues. Mariana van Zeller plonge dans les méandres du cartel du Sinaloa afin de découvrir comment cette substance est transformée, emballée, expédiée et introduite clandestinement sur le territoire américain. En chemin, elle nous livre des révélations fracassantes ainsi que des récits déchirants provoqués par la crise des opiacés la plus meurtrière de l’histoire.</t>
  </si>
  <si>
    <t>11/06/2021</t>
  </si>
  <si>
    <t>N0019901</t>
  </si>
  <si>
    <t>Brain Games : Testez votre cerveau - A vous de décider !</t>
  </si>
  <si>
    <t>You Decide</t>
  </si>
  <si>
    <t>Pensez-vous êtes maître de votre destin ? Croyez-vous prendre des décisions rationnelles ? Cet épisode de Brain Games met votre processus de décision à rude épreuve avec une série de jeux interactifs, d'expériences surprenantes et une équipe de scientifiques qui prouvent que les décisions que nous prenons ne sont pas aussi fiables que nous le pensons !</t>
  </si>
  <si>
    <t>N0019902</t>
  </si>
  <si>
    <t>Brain Games : Testez votre cerveau - Petits exercices</t>
  </si>
  <si>
    <t>Use It or Lose It</t>
  </si>
  <si>
    <t>Les dernières recherches indiquent que le cerveau n'est pas plus différent qu'un muscle, il a besoin d'exercices pour rester jeune et en forme ! Dans cet épisode, votre cerveau sera mis à un entrainement sérieux. Alors préparez-vous à booster votre cerveau et attention à ne pas perdre la tête !</t>
  </si>
  <si>
    <t>P0836896</t>
  </si>
  <si>
    <t>Voyage au bout de l'enfer : L’enfer des cartels mexicains</t>
  </si>
  <si>
    <t>Mexican Cartel Hell</t>
  </si>
  <si>
    <t>Carlos Quijas, heureux homme de famille texan, et Anna, sa petite amie, attendent leur premier enfant. Mais la vie de Carlos bascule lorsqu’il se retrouve emprisonné à tort et torturé pour trafic de drogue au Mexique. Au sein de la prison la plus dangereuse du pays, ce citoyen respectueux des lois n’a d’autre choix que de se transformer en caïd. Aspiré par le monde du crime organisé, est-il définitivement passé du docteur Jekyll à Mister Hyde ?</t>
  </si>
  <si>
    <t>P0795889</t>
  </si>
  <si>
    <t>Voyage au bout de l'enfer: Sauver sa peau</t>
  </si>
  <si>
    <t>Escape From Al Qaeda</t>
  </si>
  <si>
    <t>Après des jours passés en compagnie des rebelles de l’Armée syrienne libre, Matthew Schrier, photographe en herbe, estime que le temps est venu à sa mission de se terminer. Alors qu’il sort de la ville d’Alep, il se fait enlever par des combattants du Front al-Nosra, la branche d’Al-Qaïda en Syrie. Roué de coups et torturé, il doit faire face à un cruel dilemme lorsque la possibilité de s’évader se présente à lui : sauver sa peau ou rester aux côtés de son compagnon de cellule américain.</t>
  </si>
  <si>
    <t>N0013613</t>
  </si>
  <si>
    <t>Air Crash : L'avion fantôme</t>
  </si>
  <si>
    <t>Ghost Plane</t>
  </si>
  <si>
    <t>6 août 1997. Le vol 801 de la Korean Air quitte Séoul. Il est attendu à l'aéroport Won Guam, à Agana mais à trois miles au sud-ouest de la piste, il s'écrase brusquement.</t>
  </si>
  <si>
    <t>N0016396</t>
  </si>
  <si>
    <t>Hidden Danger</t>
  </si>
  <si>
    <t>P0815557</t>
  </si>
  <si>
    <t>Megastructures : Louvre Abu Dhabi</t>
  </si>
  <si>
    <t>Megastructures</t>
  </si>
  <si>
    <t>Megastructures Louvre Abu Dhabi</t>
  </si>
  <si>
    <t>Bercé par les eaux du golfe Persique, le Louvre Abu Dhabi s’érige au-dessus des flots. Imaginé par l’illustre architecte Jean Nouvel, ce musée d’inspiration arabe a été bâti en collaboration avec le Louvre parisien et abrite plus de 400 chefs-d’œuvre d’une valeur inestimable. Une immense coupole d’acier de 7000 tonnes recouvre ses galeries, une prouesse d’ingénierie inédite. Le Louvre Abu Dhabi constitue une merveille architecturale avant-gardiste, et peut-être même une œuvre d’art à part entière.</t>
  </si>
  <si>
    <t>P0817022</t>
  </si>
  <si>
    <t>Le Japon vu du ciel : Des îles aux trésors</t>
  </si>
  <si>
    <t>Des îles aux trésors</t>
  </si>
  <si>
    <t>Ce film part à la découverte d’un Japon méridional, voire tropical. D’abord sur l’île de Kyushu, terre volcanique par excellence, qui porte certains des volcans les plus dangereux du globe. Si éruptions et séismes sont fréquents, le bouillonnement du sous-sol magmatique a aussi offert aux habitants des bienfaits, comme les sources chaudes et autres bains thérapeutiques, ainsi que des terres riches et propices à la culture du thé et du riz. Porte d’entrée des influences étrangères par sa situation géographique, chinoises et coréennes d’abord, puis européennes, Kyushu a accueilli le christianisme dans l’archipel – un héritage commun à Nagasaki et des îles Goto. Entre la pointe sud de Kyushu et Taïwan s’étire l’arc des îles Nansei, un chapelet d’archipels dont celui d’Okinawa, paradis exotique qui conserve les stigmates de la Seconde Guerre mondiale et d’une occupation militaire américaine permanente. Au bout des Nansei, Yonaguni est le point le plus occidental de l’archipel et un paradis pour les plongeurs.</t>
  </si>
  <si>
    <t>P0852683</t>
  </si>
  <si>
    <t>Retour sur les berges du Nil : Trésors enfouis</t>
  </si>
  <si>
    <t>Egypt With The World's Greatest Explorer</t>
  </si>
  <si>
    <t>Hidden Treasures</t>
  </si>
  <si>
    <t>Ranulph et Joseph Fiennes se rejoignent au port d’Alexandrie, où ils préparent leurs Land Rover en amont de leur voyage, rappelant à Ranulph sa toute première expédition sur le Nil. Sur la route du Caire, ils apprendront des techniques de survie lors d’un cours intensif et rencontreront des araignées carnivores, des scorpions extrêmement venimeux et des serpents. Ils passeront la nuit au cœur de la grande pyramide de Gizeh, avant de revenir sur la première étape de leur périple face au lever du soleil.</t>
  </si>
  <si>
    <t>P0852684</t>
  </si>
  <si>
    <t>Retour sur les berges du Nil : Hors des sentiers battus</t>
  </si>
  <si>
    <t>Off The Map</t>
  </si>
  <si>
    <t>Pour la deuxième étape de leur aventure, Ran et Joe passent une nuit à l’intérieur de la grande pyramide de Gizeh, unique merveille de l’Antiquité encore debout à ce jour. En direction de Louxor, ils traversent le no man’s land, où seuls quelques touristes téméraires s’aventurent. Ils prennent le ferry pour traverser le Nil, tout comme Ran en 1969. À Louxor, ils font la découverte d’un art martial ancestral, le tahtib. Alors qu’ils prennent la direction du sud, l’explorateur met à l’épreuve son cousin Joe et lui propose une course à travers le désert jusqu’à la mer Rouge.</t>
  </si>
  <si>
    <t>P0852685</t>
  </si>
  <si>
    <t>Retour sur les berges du Nil : No man’s land</t>
  </si>
  <si>
    <t>No Man's Land</t>
  </si>
  <si>
    <t>Après plusieurs semaines de péripéties, Ran et Joe arrivent à la frontière avec le Soudan, qui marque la fin de leur périple. En compagnie de nomades bédouins, ils s’apprêtent à camper sur les rives du lac avant de faire leurs adieux à ce fascinant pays ainsi qu’à son âme, le Nil, tout comme Ran un demi-siècle auparavant.</t>
  </si>
  <si>
    <t>N0028089</t>
  </si>
  <si>
    <t>Yukon Gold : L'Or à tout prix - Surmonter les difficultés</t>
  </si>
  <si>
    <t>Desperate Times</t>
  </si>
  <si>
    <t>À mi-parcours de la saison, Nika et Chris sont en difficulté à cause d'une réparation de pelleteuse qu'ils ne peuvent pas se permettre. Guillaume s'attaque seul à un sol rocailleux pendant que Ken est chez lui pour assister à la naissance de son fils. Karl se tourne vers sa famille pour du renfort quand le travail à la mine devient trop difficile à gérer. Le fils de Bernie, Jarret est de retour et aide au bon fonctionnement de l’usine de lavage.</t>
  </si>
  <si>
    <t>N0028029</t>
  </si>
  <si>
    <t>Yukon Gold : L'Or à tout prix - De retour</t>
  </si>
  <si>
    <t>Homecoming</t>
  </si>
  <si>
    <t>Tandis que la nouvelle saison débute, Bernie se dispute avec son partenaire le plus expérimenté, son fils Jarret. Après des mois de préparation en solo, Chris retrouve sa compagne Nika et leurs trois enfants. Karl met la main sur une grosse quantité d'or dès sa première sortie. Big Al retourne dans le Yukon dans une chaise roulante, en espérant reprendre sa vie et sa mine en main.</t>
  </si>
  <si>
    <t>N0025502</t>
  </si>
  <si>
    <t>Top Cars : Audi A8</t>
  </si>
  <si>
    <t>Audi A8</t>
  </si>
  <si>
    <t>N0025499</t>
  </si>
  <si>
    <t>Top Cars : Jeep Wrangler</t>
  </si>
  <si>
    <t>Jeep Wrangler</t>
  </si>
  <si>
    <t>Car S.O.S. : Alpine A110</t>
  </si>
  <si>
    <t>Renault Alpine 110</t>
  </si>
  <si>
    <t>Dans cet épisode, Tim et Fuzz s’attaquent à la restauration d’une légende française des rallyes : une Renault Alpine A110 de 1972. Guido, un ancien restaurateur italien, en a fait l’acquisition il y a 20 ans afin de s’occuper pendant sa retraite. Après avoir démonté les pièces de son Alpine, il a malheureusement été diagnostiqué d’une maladie incurable, reléguant au second plan la voiture de ses rêves.</t>
  </si>
  <si>
    <t>Car S.O.S. : Ford Cortina Mk3</t>
  </si>
  <si>
    <t>Ford Cortina Mk 3</t>
  </si>
  <si>
    <t>Dans cet épisode, Tim et Fuzz s’attaquent à la restauration d’une Ford Cortina Mk3 de 1973. Autrefois voiture la plus vendue en Grande-Bretagne, elle est devenue aujourd’hui un objet rare. Bobby, un écrivain d’une cinquantaine d’années, tente de remettre la prunelle de ses yeux sur la route depuis plus de 20 ans. Hélas, sa santé fragile a empêché ce rêve de se réaliser. Heureusement, l’équipe de Car S.O.S. entre en scène pour y remédier.</t>
  </si>
  <si>
    <t>P0848579</t>
  </si>
  <si>
    <t>Car S.O.S. : Peugeot 504</t>
  </si>
  <si>
    <t>Peugeot 504</t>
  </si>
  <si>
    <t>Tim et Fuzz s’attaquent à la restauration d’un cabriolet Peugeot 504 de 1972, l’un des rares véhicules français de grand-tourisme considéré par beaucoup comme la plus belle réussite du constructeur automobile. Son propriétaire Barry, ancien dentiste auprès du National Health Service américain, en a fait l’acquisition dans les années 1980. Alors qu’il envisageait de rendre à sa voiture bien-aimée sa gloire d’antan, des soucis familiaux et une santé fragile ont compromis son rêve. Sa famille a alors appelé l’équipe de Car S.O.S. à la rescousse afin que Tim et Fuzz puissent les aider à remercier comme il se doit ce pilier de la communauté locale.</t>
  </si>
  <si>
    <t>P0852023</t>
  </si>
  <si>
    <t>Car S.O.S. : Talbot Sunbeam Lotus</t>
  </si>
  <si>
    <t>Talbot Sunbeam Lotus</t>
  </si>
  <si>
    <t>Tim et Fuzz partent pour Forfar, en Écosse, où les attend l’épave rouillée d’une rare Talbot Sunbeam Lotus. Cette voiture fit la fierté et le bonheur de Jim, un ancien pompier passionné de rallye, dont les lésions dorsales ont compromis son projet de la restaurer. Lorsque la voiture passe la porte du garage, les deux acolytes s’émerveillent face à cette perle rare, cette Talbot se révélant être un prototype d’usine presque unique.</t>
  </si>
  <si>
    <t>P0848582</t>
  </si>
  <si>
    <t>Car S.O.S. : Ford Model A</t>
  </si>
  <si>
    <t>Ford Model A</t>
  </si>
  <si>
    <t>Tim et Fuzz se rendent à Milton Keynes afin de tenter de sauver la Ford Model A de 1930 de Craig, une voiture emblématique ayant de nombreux succès à son actif. Craig, un ancien électricien âgé de 58 ans passionné de voitures de collection, chérissait sa Ford Model A depuis plus de 30 ans lorsqu’un tragique accident de moto a tout bouleversé et mis fin à ses projets de restauration. Sa carrosserie en bois et ses pièces quasi séculaires se révèlent être un sacré défi pour l’équipe de Car S.O.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font>
      <sz val="11"/>
      <color rgb="FF000000"/>
      <name val="Calibri"/>
      <family val="2"/>
      <scheme val="minor"/>
    </font>
    <font>
      <sz val="11"/>
      <name val="Calibri"/>
    </font>
    <font>
      <b/>
      <sz val="12"/>
      <color rgb="FF000000"/>
      <name val="Segoe UI Light"/>
    </font>
    <font>
      <b/>
      <sz val="11"/>
      <color rgb="FF666666"/>
      <name val="Arial"/>
    </font>
    <font>
      <sz val="10"/>
      <color rgb="FF333333"/>
      <name val="Arial"/>
    </font>
  </fonts>
  <fills count="2">
    <fill>
      <patternFill patternType="none"/>
    </fill>
    <fill>
      <patternFill patternType="gray125"/>
    </fill>
  </fills>
  <borders count="4">
    <border>
      <left/>
      <right/>
      <top/>
      <bottom/>
      <diagonal/>
    </border>
    <border>
      <left style="thin">
        <color rgb="FF000000"/>
      </left>
      <right style="thin">
        <color rgb="FF000000"/>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s>
  <cellStyleXfs count="1">
    <xf numFmtId="0" fontId="0" fillId="0" borderId="0"/>
  </cellStyleXfs>
  <cellXfs count="7">
    <xf numFmtId="0" fontId="1" fillId="0" borderId="0" xfId="0" applyFont="1" applyFill="1" applyBorder="1"/>
    <xf numFmtId="0" fontId="3" fillId="0" borderId="1" xfId="0" applyNumberFormat="1" applyFont="1" applyFill="1" applyBorder="1" applyAlignment="1">
      <alignment horizontal="center" vertical="top" wrapText="1" readingOrder="1"/>
    </xf>
    <xf numFmtId="0" fontId="4" fillId="0" borderId="1" xfId="0" applyNumberFormat="1" applyFont="1" applyFill="1" applyBorder="1" applyAlignment="1">
      <alignment vertical="top" wrapText="1" readingOrder="1"/>
    </xf>
    <xf numFmtId="0" fontId="4" fillId="0" borderId="1" xfId="0" applyNumberFormat="1" applyFont="1" applyFill="1" applyBorder="1" applyAlignment="1">
      <alignment vertical="top" wrapText="1" readingOrder="1"/>
    </xf>
    <xf numFmtId="0" fontId="2" fillId="0" borderId="1" xfId="0" applyNumberFormat="1" applyFont="1" applyFill="1" applyBorder="1" applyAlignment="1">
      <alignment vertical="top" wrapText="1" readingOrder="1"/>
    </xf>
    <xf numFmtId="0" fontId="1" fillId="0" borderId="2" xfId="0" applyNumberFormat="1" applyFont="1" applyFill="1" applyBorder="1" applyAlignment="1">
      <alignment vertical="top" wrapText="1"/>
    </xf>
    <xf numFmtId="0" fontId="1" fillId="0" borderId="3" xfId="0" applyNumberFormat="1" applyFont="1" applyFill="1" applyBorder="1" applyAlignment="1">
      <alignment vertical="top" wrapText="1"/>
    </xf>
  </cellXfs>
  <cellStyles count="1">
    <cellStyle name="Normal"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666666"/>
      <rgbColor rgb="00333333"/>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FF0000"/>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216"/>
  <sheetViews>
    <sheetView showGridLines="0" tabSelected="1" topLeftCell="A67" workbookViewId="0">
      <selection activeCell="D79" sqref="D79"/>
    </sheetView>
  </sheetViews>
  <sheetFormatPr defaultRowHeight="15"/>
  <cols>
    <col min="1" max="1" width="11.85546875" customWidth="1"/>
    <col min="2" max="2" width="14" customWidth="1"/>
    <col min="3" max="3" width="15.28515625" customWidth="1"/>
    <col min="4" max="4" width="19.85546875" customWidth="1"/>
    <col min="5" max="5" width="22.28515625" customWidth="1"/>
    <col min="6" max="6" width="21.140625" customWidth="1"/>
    <col min="7" max="7" width="15.85546875" customWidth="1"/>
    <col min="8" max="8" width="13.7109375" customWidth="1"/>
    <col min="9" max="9" width="27.7109375" customWidth="1"/>
    <col min="10" max="10" width="19.85546875" customWidth="1"/>
    <col min="11" max="11" width="21.42578125" customWidth="1"/>
    <col min="12" max="12" width="64.7109375" customWidth="1"/>
    <col min="13" max="13" width="0" hidden="1" customWidth="1"/>
  </cols>
  <sheetData>
    <row r="1" spans="1:12" ht="18" customHeight="1">
      <c r="A1" s="4" t="s">
        <v>0</v>
      </c>
      <c r="B1" s="5"/>
      <c r="C1" s="5"/>
      <c r="D1" s="5"/>
      <c r="E1" s="5"/>
      <c r="F1" s="5"/>
      <c r="G1" s="5"/>
      <c r="H1" s="5"/>
      <c r="I1" s="5"/>
      <c r="J1" s="5"/>
      <c r="K1" s="5"/>
      <c r="L1" s="6"/>
    </row>
    <row r="2" spans="1:12">
      <c r="A2" s="1" t="s">
        <v>1</v>
      </c>
      <c r="B2" s="1" t="s">
        <v>2</v>
      </c>
      <c r="C2" s="1" t="s">
        <v>3</v>
      </c>
      <c r="D2" s="1" t="s">
        <v>4</v>
      </c>
      <c r="E2" s="1" t="s">
        <v>5</v>
      </c>
      <c r="F2" s="1" t="s">
        <v>6</v>
      </c>
      <c r="G2" s="1" t="s">
        <v>7</v>
      </c>
      <c r="H2" s="1" t="s">
        <v>8</v>
      </c>
      <c r="I2" s="1" t="s">
        <v>9</v>
      </c>
      <c r="J2" s="1" t="s">
        <v>10</v>
      </c>
      <c r="K2" s="1" t="s">
        <v>11</v>
      </c>
      <c r="L2" s="1" t="s">
        <v>12</v>
      </c>
    </row>
    <row r="3" spans="1:12" ht="15.2" customHeight="1">
      <c r="A3" s="2" t="s">
        <v>13</v>
      </c>
      <c r="B3" s="2" t="s">
        <v>14</v>
      </c>
      <c r="C3" s="2"/>
      <c r="D3" s="2" t="s">
        <v>15</v>
      </c>
      <c r="E3" s="2" t="s">
        <v>16</v>
      </c>
      <c r="F3" s="2" t="s">
        <v>17</v>
      </c>
      <c r="G3" s="3">
        <v>9</v>
      </c>
      <c r="H3" s="2" t="s">
        <v>18</v>
      </c>
      <c r="I3" s="3">
        <v>2012</v>
      </c>
      <c r="J3" s="2" t="s">
        <v>19</v>
      </c>
      <c r="K3" s="2"/>
      <c r="L3" s="2" t="s">
        <v>20</v>
      </c>
    </row>
    <row r="4" spans="1:12" ht="15.2" customHeight="1">
      <c r="A4" s="2" t="s">
        <v>13</v>
      </c>
      <c r="B4" s="2" t="s">
        <v>21</v>
      </c>
      <c r="C4" s="2"/>
      <c r="D4" s="2" t="s">
        <v>22</v>
      </c>
      <c r="E4" s="2" t="s">
        <v>16</v>
      </c>
      <c r="F4" s="2" t="s">
        <v>23</v>
      </c>
      <c r="G4" s="3">
        <v>10</v>
      </c>
      <c r="H4" s="2" t="s">
        <v>18</v>
      </c>
      <c r="I4" s="3">
        <v>2012</v>
      </c>
      <c r="J4" s="2" t="s">
        <v>19</v>
      </c>
      <c r="K4" s="2"/>
      <c r="L4" s="2" t="s">
        <v>24</v>
      </c>
    </row>
    <row r="5" spans="1:12" ht="15.2" customHeight="1">
      <c r="A5" s="2" t="s">
        <v>13</v>
      </c>
      <c r="B5" s="2" t="s">
        <v>25</v>
      </c>
      <c r="C5" s="2"/>
      <c r="D5" s="2" t="s">
        <v>26</v>
      </c>
      <c r="E5" s="2" t="s">
        <v>27</v>
      </c>
      <c r="F5" s="2" t="s">
        <v>28</v>
      </c>
      <c r="G5" s="3">
        <v>6</v>
      </c>
      <c r="H5" s="2" t="s">
        <v>29</v>
      </c>
      <c r="I5" s="3">
        <v>2021</v>
      </c>
      <c r="J5" s="2" t="s">
        <v>30</v>
      </c>
      <c r="K5" s="2"/>
      <c r="L5" s="2" t="s">
        <v>31</v>
      </c>
    </row>
    <row r="6" spans="1:12" ht="15.2" customHeight="1">
      <c r="A6" s="2" t="s">
        <v>13</v>
      </c>
      <c r="B6" s="2" t="s">
        <v>32</v>
      </c>
      <c r="C6" s="2"/>
      <c r="D6" s="2" t="s">
        <v>33</v>
      </c>
      <c r="E6" s="2" t="s">
        <v>27</v>
      </c>
      <c r="F6" s="2" t="s">
        <v>34</v>
      </c>
      <c r="G6" s="3">
        <v>8</v>
      </c>
      <c r="H6" s="2" t="s">
        <v>29</v>
      </c>
      <c r="I6" s="3">
        <v>2021</v>
      </c>
      <c r="J6" s="2" t="s">
        <v>30</v>
      </c>
      <c r="K6" s="2"/>
      <c r="L6" s="2" t="s">
        <v>35</v>
      </c>
    </row>
    <row r="7" spans="1:12" ht="15.2" customHeight="1">
      <c r="A7" s="2" t="s">
        <v>13</v>
      </c>
      <c r="B7" s="2" t="s">
        <v>36</v>
      </c>
      <c r="C7" s="2" t="s">
        <v>37</v>
      </c>
      <c r="D7" s="2" t="s">
        <v>38</v>
      </c>
      <c r="E7" s="2" t="s">
        <v>27</v>
      </c>
      <c r="F7" s="2" t="s">
        <v>39</v>
      </c>
      <c r="G7" s="3">
        <v>1</v>
      </c>
      <c r="H7" s="2" t="s">
        <v>40</v>
      </c>
      <c r="I7" s="3">
        <v>2018</v>
      </c>
      <c r="J7" s="2" t="s">
        <v>30</v>
      </c>
      <c r="K7" s="2"/>
      <c r="L7" s="2" t="s">
        <v>41</v>
      </c>
    </row>
    <row r="8" spans="1:12" ht="15.2" customHeight="1">
      <c r="A8" s="2" t="s">
        <v>13</v>
      </c>
      <c r="B8" s="2" t="s">
        <v>42</v>
      </c>
      <c r="C8" s="2"/>
      <c r="D8" s="2" t="s">
        <v>43</v>
      </c>
      <c r="E8" s="2" t="s">
        <v>44</v>
      </c>
      <c r="F8" s="2" t="s">
        <v>45</v>
      </c>
      <c r="G8" s="3">
        <v>7</v>
      </c>
      <c r="H8" s="2" t="s">
        <v>29</v>
      </c>
      <c r="I8" s="3">
        <v>2020</v>
      </c>
      <c r="J8" s="2" t="s">
        <v>19</v>
      </c>
      <c r="K8" s="2"/>
      <c r="L8" s="2" t="s">
        <v>46</v>
      </c>
    </row>
    <row r="9" spans="1:12" ht="15.2" customHeight="1">
      <c r="A9" s="2" t="s">
        <v>13</v>
      </c>
      <c r="B9" s="2" t="s">
        <v>47</v>
      </c>
      <c r="C9" s="2"/>
      <c r="D9" s="2" t="s">
        <v>48</v>
      </c>
      <c r="E9" s="2" t="s">
        <v>44</v>
      </c>
      <c r="F9" s="2" t="s">
        <v>49</v>
      </c>
      <c r="G9" s="3">
        <v>8</v>
      </c>
      <c r="H9" s="2" t="s">
        <v>29</v>
      </c>
      <c r="I9" s="3">
        <v>2020</v>
      </c>
      <c r="J9" s="2" t="s">
        <v>19</v>
      </c>
      <c r="K9" s="2"/>
      <c r="L9" s="2" t="s">
        <v>50</v>
      </c>
    </row>
    <row r="10" spans="1:12" ht="15.2" customHeight="1">
      <c r="A10" s="2" t="s">
        <v>13</v>
      </c>
      <c r="B10" s="2" t="s">
        <v>51</v>
      </c>
      <c r="C10" s="2" t="s">
        <v>52</v>
      </c>
      <c r="D10" s="2" t="s">
        <v>53</v>
      </c>
      <c r="E10" s="2" t="s">
        <v>44</v>
      </c>
      <c r="F10" s="2" t="s">
        <v>54</v>
      </c>
      <c r="G10" s="3">
        <v>2</v>
      </c>
      <c r="H10" s="2" t="s">
        <v>29</v>
      </c>
      <c r="I10" s="3">
        <v>2019</v>
      </c>
      <c r="J10" s="2" t="s">
        <v>19</v>
      </c>
      <c r="K10" s="2"/>
      <c r="L10" s="2" t="s">
        <v>55</v>
      </c>
    </row>
    <row r="11" spans="1:12" ht="15.2" customHeight="1">
      <c r="A11" s="2" t="s">
        <v>13</v>
      </c>
      <c r="B11" s="2" t="s">
        <v>56</v>
      </c>
      <c r="C11" s="2" t="s">
        <v>57</v>
      </c>
      <c r="D11" s="2" t="s">
        <v>58</v>
      </c>
      <c r="E11" s="2" t="s">
        <v>44</v>
      </c>
      <c r="F11" s="2" t="s">
        <v>59</v>
      </c>
      <c r="G11" s="3">
        <v>4</v>
      </c>
      <c r="H11" s="2" t="s">
        <v>29</v>
      </c>
      <c r="I11" s="3">
        <v>2019</v>
      </c>
      <c r="J11" s="2" t="s">
        <v>19</v>
      </c>
      <c r="K11" s="2"/>
      <c r="L11" s="2" t="s">
        <v>60</v>
      </c>
    </row>
    <row r="12" spans="1:12" ht="15.2" customHeight="1">
      <c r="A12" s="2" t="s">
        <v>13</v>
      </c>
      <c r="B12" s="2" t="s">
        <v>61</v>
      </c>
      <c r="C12" s="2" t="s">
        <v>62</v>
      </c>
      <c r="D12" s="2" t="s">
        <v>63</v>
      </c>
      <c r="E12" s="2" t="s">
        <v>64</v>
      </c>
      <c r="F12" s="2" t="s">
        <v>65</v>
      </c>
      <c r="G12" s="3">
        <v>5</v>
      </c>
      <c r="H12" s="2" t="s">
        <v>29</v>
      </c>
      <c r="I12" s="3">
        <v>2019</v>
      </c>
      <c r="J12" s="2" t="s">
        <v>66</v>
      </c>
      <c r="K12" s="2"/>
      <c r="L12" s="2" t="s">
        <v>67</v>
      </c>
    </row>
    <row r="13" spans="1:12" ht="15.2" customHeight="1">
      <c r="A13" s="2" t="s">
        <v>13</v>
      </c>
      <c r="B13" s="2" t="s">
        <v>68</v>
      </c>
      <c r="C13" s="2" t="s">
        <v>69</v>
      </c>
      <c r="D13" s="2" t="s">
        <v>70</v>
      </c>
      <c r="E13" s="2" t="s">
        <v>64</v>
      </c>
      <c r="F13" s="2" t="s">
        <v>71</v>
      </c>
      <c r="G13" s="3">
        <v>6</v>
      </c>
      <c r="H13" s="2" t="s">
        <v>29</v>
      </c>
      <c r="I13" s="3">
        <v>2019</v>
      </c>
      <c r="J13" s="2" t="s">
        <v>66</v>
      </c>
      <c r="K13" s="2"/>
      <c r="L13" s="2" t="s">
        <v>72</v>
      </c>
    </row>
    <row r="14" spans="1:12" ht="15.2" customHeight="1">
      <c r="A14" s="2" t="s">
        <v>13</v>
      </c>
      <c r="B14" s="2" t="s">
        <v>73</v>
      </c>
      <c r="C14" s="2" t="s">
        <v>74</v>
      </c>
      <c r="D14" s="2" t="s">
        <v>75</v>
      </c>
      <c r="E14" s="2" t="s">
        <v>64</v>
      </c>
      <c r="F14" s="2" t="s">
        <v>76</v>
      </c>
      <c r="G14" s="3">
        <v>7</v>
      </c>
      <c r="H14" s="2" t="s">
        <v>29</v>
      </c>
      <c r="I14" s="3">
        <v>2019</v>
      </c>
      <c r="J14" s="2" t="s">
        <v>66</v>
      </c>
      <c r="K14" s="2"/>
      <c r="L14" s="2" t="s">
        <v>77</v>
      </c>
    </row>
    <row r="15" spans="1:12" ht="15.2" customHeight="1">
      <c r="A15" s="2" t="s">
        <v>13</v>
      </c>
      <c r="B15" s="2" t="s">
        <v>78</v>
      </c>
      <c r="C15" s="2" t="s">
        <v>79</v>
      </c>
      <c r="D15" s="2" t="s">
        <v>80</v>
      </c>
      <c r="E15" s="2" t="s">
        <v>64</v>
      </c>
      <c r="F15" s="2" t="s">
        <v>81</v>
      </c>
      <c r="G15" s="3">
        <v>8</v>
      </c>
      <c r="H15" s="2" t="s">
        <v>29</v>
      </c>
      <c r="I15" s="3">
        <v>2019</v>
      </c>
      <c r="J15" s="2" t="s">
        <v>66</v>
      </c>
      <c r="K15" s="2"/>
      <c r="L15" s="2" t="s">
        <v>82</v>
      </c>
    </row>
    <row r="16" spans="1:12" ht="15.2" customHeight="1">
      <c r="A16" s="2" t="s">
        <v>13</v>
      </c>
      <c r="B16" s="2" t="s">
        <v>83</v>
      </c>
      <c r="C16" s="2" t="s">
        <v>84</v>
      </c>
      <c r="D16" s="2" t="s">
        <v>85</v>
      </c>
      <c r="E16" s="2" t="s">
        <v>86</v>
      </c>
      <c r="F16" s="2" t="s">
        <v>87</v>
      </c>
      <c r="G16" s="3">
        <v>1</v>
      </c>
      <c r="H16" s="2" t="s">
        <v>88</v>
      </c>
      <c r="I16" s="3">
        <v>2018</v>
      </c>
      <c r="J16" s="2" t="s">
        <v>66</v>
      </c>
      <c r="K16" s="2"/>
      <c r="L16" s="2" t="s">
        <v>89</v>
      </c>
    </row>
    <row r="17" spans="1:12" ht="15.2" customHeight="1">
      <c r="A17" s="2" t="s">
        <v>13</v>
      </c>
      <c r="B17" s="2" t="s">
        <v>90</v>
      </c>
      <c r="C17" s="2" t="s">
        <v>91</v>
      </c>
      <c r="D17" s="2" t="s">
        <v>92</v>
      </c>
      <c r="E17" s="2" t="s">
        <v>93</v>
      </c>
      <c r="F17" s="2" t="s">
        <v>93</v>
      </c>
      <c r="G17" s="3">
        <v>1</v>
      </c>
      <c r="H17" s="2" t="s">
        <v>94</v>
      </c>
      <c r="I17" s="3">
        <v>2018</v>
      </c>
      <c r="J17" s="2" t="s">
        <v>95</v>
      </c>
      <c r="K17" s="2"/>
      <c r="L17" s="2" t="s">
        <v>96</v>
      </c>
    </row>
    <row r="18" spans="1:12" ht="15.2" customHeight="1">
      <c r="A18" s="2" t="s">
        <v>13</v>
      </c>
      <c r="B18" s="2" t="s">
        <v>97</v>
      </c>
      <c r="C18" s="2"/>
      <c r="D18" s="2"/>
      <c r="E18" s="2" t="s">
        <v>98</v>
      </c>
      <c r="F18" s="2" t="s">
        <v>98</v>
      </c>
      <c r="G18" s="3">
        <v>1</v>
      </c>
      <c r="H18" s="2" t="s">
        <v>29</v>
      </c>
      <c r="I18" s="3">
        <v>2020</v>
      </c>
      <c r="J18" s="2" t="s">
        <v>99</v>
      </c>
      <c r="K18" s="2"/>
      <c r="L18" s="2" t="s">
        <v>100</v>
      </c>
    </row>
    <row r="19" spans="1:12" ht="15.2" customHeight="1">
      <c r="A19" s="2" t="s">
        <v>13</v>
      </c>
      <c r="B19" s="2" t="s">
        <v>101</v>
      </c>
      <c r="C19" s="2"/>
      <c r="D19" s="2" t="s">
        <v>102</v>
      </c>
      <c r="E19" s="2" t="s">
        <v>44</v>
      </c>
      <c r="F19" s="2" t="s">
        <v>103</v>
      </c>
      <c r="G19" s="3">
        <v>9</v>
      </c>
      <c r="H19" s="2" t="s">
        <v>29</v>
      </c>
      <c r="I19" s="3">
        <v>2020</v>
      </c>
      <c r="J19" s="2" t="s">
        <v>19</v>
      </c>
      <c r="K19" s="2"/>
      <c r="L19" s="2" t="s">
        <v>104</v>
      </c>
    </row>
    <row r="20" spans="1:12" ht="15.2" customHeight="1">
      <c r="A20" s="2" t="s">
        <v>13</v>
      </c>
      <c r="B20" s="2" t="s">
        <v>105</v>
      </c>
      <c r="C20" s="2"/>
      <c r="D20" s="2" t="s">
        <v>106</v>
      </c>
      <c r="E20" s="2" t="s">
        <v>44</v>
      </c>
      <c r="F20" s="2" t="s">
        <v>107</v>
      </c>
      <c r="G20" s="3">
        <v>10</v>
      </c>
      <c r="H20" s="2" t="s">
        <v>29</v>
      </c>
      <c r="I20" s="3">
        <v>2020</v>
      </c>
      <c r="J20" s="2" t="s">
        <v>19</v>
      </c>
      <c r="K20" s="2"/>
      <c r="L20" s="2" t="s">
        <v>108</v>
      </c>
    </row>
    <row r="21" spans="1:12" ht="15.2" customHeight="1">
      <c r="A21" s="2" t="s">
        <v>13</v>
      </c>
      <c r="B21" s="2" t="s">
        <v>109</v>
      </c>
      <c r="C21" s="2" t="s">
        <v>110</v>
      </c>
      <c r="D21" s="2" t="s">
        <v>111</v>
      </c>
      <c r="E21" s="2" t="s">
        <v>44</v>
      </c>
      <c r="F21" s="2" t="s">
        <v>112</v>
      </c>
      <c r="G21" s="3">
        <v>5</v>
      </c>
      <c r="H21" s="2" t="s">
        <v>29</v>
      </c>
      <c r="I21" s="3">
        <v>2019</v>
      </c>
      <c r="J21" s="2" t="s">
        <v>19</v>
      </c>
      <c r="K21" s="2"/>
      <c r="L21" s="2" t="s">
        <v>113</v>
      </c>
    </row>
    <row r="22" spans="1:12" ht="15.2" customHeight="1">
      <c r="A22" s="2" t="s">
        <v>13</v>
      </c>
      <c r="B22" s="2" t="s">
        <v>114</v>
      </c>
      <c r="C22" s="2" t="s">
        <v>115</v>
      </c>
      <c r="D22" s="2" t="s">
        <v>116</v>
      </c>
      <c r="E22" s="2" t="s">
        <v>44</v>
      </c>
      <c r="F22" s="2" t="s">
        <v>117</v>
      </c>
      <c r="G22" s="3">
        <v>6</v>
      </c>
      <c r="H22" s="2" t="s">
        <v>29</v>
      </c>
      <c r="I22" s="3">
        <v>2019</v>
      </c>
      <c r="J22" s="2" t="s">
        <v>19</v>
      </c>
      <c r="K22" s="2"/>
      <c r="L22" s="2" t="s">
        <v>118</v>
      </c>
    </row>
    <row r="23" spans="1:12" ht="15.2" customHeight="1">
      <c r="A23" s="2" t="s">
        <v>13</v>
      </c>
      <c r="B23" s="2" t="s">
        <v>119</v>
      </c>
      <c r="C23" s="2"/>
      <c r="D23" s="2" t="s">
        <v>43</v>
      </c>
      <c r="E23" s="2" t="s">
        <v>44</v>
      </c>
      <c r="F23" s="2" t="s">
        <v>45</v>
      </c>
      <c r="G23" s="3">
        <v>7</v>
      </c>
      <c r="H23" s="2" t="s">
        <v>29</v>
      </c>
      <c r="I23" s="3">
        <v>2020</v>
      </c>
      <c r="J23" s="2" t="s">
        <v>19</v>
      </c>
      <c r="K23" s="2"/>
      <c r="L23" s="2" t="s">
        <v>46</v>
      </c>
    </row>
    <row r="24" spans="1:12" ht="15.2" customHeight="1">
      <c r="A24" s="2" t="s">
        <v>13</v>
      </c>
      <c r="B24" s="2" t="s">
        <v>120</v>
      </c>
      <c r="C24" s="2"/>
      <c r="D24" s="2" t="s">
        <v>48</v>
      </c>
      <c r="E24" s="2" t="s">
        <v>44</v>
      </c>
      <c r="F24" s="2" t="s">
        <v>49</v>
      </c>
      <c r="G24" s="3">
        <v>8</v>
      </c>
      <c r="H24" s="2" t="s">
        <v>29</v>
      </c>
      <c r="I24" s="3">
        <v>2020</v>
      </c>
      <c r="J24" s="2" t="s">
        <v>19</v>
      </c>
      <c r="K24" s="2"/>
      <c r="L24" s="2" t="s">
        <v>50</v>
      </c>
    </row>
    <row r="25" spans="1:12" ht="15.2" customHeight="1">
      <c r="A25" s="2" t="s">
        <v>13</v>
      </c>
      <c r="B25" s="2" t="s">
        <v>121</v>
      </c>
      <c r="C25" s="2" t="s">
        <v>52</v>
      </c>
      <c r="D25" s="2" t="s">
        <v>53</v>
      </c>
      <c r="E25" s="2" t="s">
        <v>44</v>
      </c>
      <c r="F25" s="2" t="s">
        <v>54</v>
      </c>
      <c r="G25" s="3">
        <v>2</v>
      </c>
      <c r="H25" s="2" t="s">
        <v>29</v>
      </c>
      <c r="I25" s="3">
        <v>2019</v>
      </c>
      <c r="J25" s="2" t="s">
        <v>19</v>
      </c>
      <c r="K25" s="2"/>
      <c r="L25" s="2" t="s">
        <v>55</v>
      </c>
    </row>
    <row r="26" spans="1:12" ht="15.2" customHeight="1">
      <c r="A26" s="2" t="s">
        <v>13</v>
      </c>
      <c r="B26" s="2" t="s">
        <v>122</v>
      </c>
      <c r="C26" s="2" t="s">
        <v>57</v>
      </c>
      <c r="D26" s="2" t="s">
        <v>58</v>
      </c>
      <c r="E26" s="2" t="s">
        <v>44</v>
      </c>
      <c r="F26" s="2" t="s">
        <v>59</v>
      </c>
      <c r="G26" s="3">
        <v>4</v>
      </c>
      <c r="H26" s="2" t="s">
        <v>29</v>
      </c>
      <c r="I26" s="3">
        <v>2019</v>
      </c>
      <c r="J26" s="2" t="s">
        <v>19</v>
      </c>
      <c r="K26" s="2"/>
      <c r="L26" s="2" t="s">
        <v>60</v>
      </c>
    </row>
    <row r="27" spans="1:12" ht="15.2" customHeight="1">
      <c r="A27" s="2" t="s">
        <v>13</v>
      </c>
      <c r="B27" s="2" t="s">
        <v>123</v>
      </c>
      <c r="C27" s="2"/>
      <c r="D27" s="2" t="s">
        <v>15</v>
      </c>
      <c r="E27" s="2" t="s">
        <v>16</v>
      </c>
      <c r="F27" s="2" t="s">
        <v>17</v>
      </c>
      <c r="G27" s="3">
        <v>9</v>
      </c>
      <c r="H27" s="2" t="s">
        <v>18</v>
      </c>
      <c r="I27" s="3">
        <v>2012</v>
      </c>
      <c r="J27" s="2" t="s">
        <v>19</v>
      </c>
      <c r="K27" s="2"/>
      <c r="L27" s="2" t="s">
        <v>20</v>
      </c>
    </row>
    <row r="28" spans="1:12" ht="15.2" customHeight="1">
      <c r="A28" s="2" t="s">
        <v>13</v>
      </c>
      <c r="B28" s="2" t="s">
        <v>124</v>
      </c>
      <c r="C28" s="2"/>
      <c r="D28" s="2" t="s">
        <v>22</v>
      </c>
      <c r="E28" s="2" t="s">
        <v>16</v>
      </c>
      <c r="F28" s="2" t="s">
        <v>23</v>
      </c>
      <c r="G28" s="3">
        <v>10</v>
      </c>
      <c r="H28" s="2" t="s">
        <v>18</v>
      </c>
      <c r="I28" s="3">
        <v>2012</v>
      </c>
      <c r="J28" s="2" t="s">
        <v>19</v>
      </c>
      <c r="K28" s="2"/>
      <c r="L28" s="2" t="s">
        <v>24</v>
      </c>
    </row>
    <row r="29" spans="1:12" ht="15.2" customHeight="1">
      <c r="A29" s="2" t="s">
        <v>13</v>
      </c>
      <c r="B29" s="2" t="s">
        <v>125</v>
      </c>
      <c r="C29" s="2" t="s">
        <v>126</v>
      </c>
      <c r="D29" s="2" t="s">
        <v>127</v>
      </c>
      <c r="E29" s="2" t="s">
        <v>128</v>
      </c>
      <c r="F29" s="2" t="s">
        <v>128</v>
      </c>
      <c r="G29" s="3">
        <v>1</v>
      </c>
      <c r="H29" s="2" t="s">
        <v>29</v>
      </c>
      <c r="I29" s="3">
        <v>2019</v>
      </c>
      <c r="J29" s="2" t="s">
        <v>66</v>
      </c>
      <c r="K29" s="2"/>
      <c r="L29" s="2" t="s">
        <v>129</v>
      </c>
    </row>
    <row r="30" spans="1:12" ht="15.2" customHeight="1">
      <c r="A30" s="2" t="s">
        <v>13</v>
      </c>
      <c r="B30" s="2" t="s">
        <v>130</v>
      </c>
      <c r="C30" s="2" t="s">
        <v>131</v>
      </c>
      <c r="D30" s="2" t="s">
        <v>132</v>
      </c>
      <c r="E30" s="2" t="s">
        <v>133</v>
      </c>
      <c r="F30" s="2" t="s">
        <v>134</v>
      </c>
      <c r="G30" s="3">
        <v>1</v>
      </c>
      <c r="H30" s="2" t="s">
        <v>135</v>
      </c>
      <c r="I30" s="3">
        <v>2011</v>
      </c>
      <c r="J30" s="2" t="s">
        <v>66</v>
      </c>
      <c r="K30" s="2"/>
      <c r="L30" s="2" t="s">
        <v>136</v>
      </c>
    </row>
    <row r="31" spans="1:12" ht="15.2" customHeight="1">
      <c r="A31" s="2" t="s">
        <v>13</v>
      </c>
      <c r="B31" s="2" t="s">
        <v>137</v>
      </c>
      <c r="C31" s="2" t="s">
        <v>62</v>
      </c>
      <c r="D31" s="2" t="s">
        <v>63</v>
      </c>
      <c r="E31" s="2" t="s">
        <v>64</v>
      </c>
      <c r="F31" s="2" t="s">
        <v>65</v>
      </c>
      <c r="G31" s="3">
        <v>5</v>
      </c>
      <c r="H31" s="2" t="s">
        <v>29</v>
      </c>
      <c r="I31" s="3">
        <v>2019</v>
      </c>
      <c r="J31" s="2" t="s">
        <v>66</v>
      </c>
      <c r="K31" s="2"/>
      <c r="L31" s="2" t="s">
        <v>67</v>
      </c>
    </row>
    <row r="32" spans="1:12" ht="15.2" customHeight="1">
      <c r="A32" s="2" t="s">
        <v>138</v>
      </c>
      <c r="B32" s="2" t="s">
        <v>14</v>
      </c>
      <c r="C32" s="2"/>
      <c r="D32" s="2" t="s">
        <v>139</v>
      </c>
      <c r="E32" s="2" t="s">
        <v>16</v>
      </c>
      <c r="F32" s="2" t="s">
        <v>140</v>
      </c>
      <c r="G32" s="3">
        <v>11</v>
      </c>
      <c r="H32" s="2" t="s">
        <v>18</v>
      </c>
      <c r="I32" s="3">
        <v>2012</v>
      </c>
      <c r="J32" s="2" t="s">
        <v>19</v>
      </c>
      <c r="K32" s="2"/>
      <c r="L32" s="2" t="s">
        <v>141</v>
      </c>
    </row>
    <row r="33" spans="1:12" ht="15.2" customHeight="1">
      <c r="A33" s="2" t="s">
        <v>138</v>
      </c>
      <c r="B33" s="2" t="s">
        <v>21</v>
      </c>
      <c r="C33" s="2"/>
      <c r="D33" s="2" t="s">
        <v>142</v>
      </c>
      <c r="E33" s="2" t="s">
        <v>16</v>
      </c>
      <c r="F33" s="2" t="s">
        <v>143</v>
      </c>
      <c r="G33" s="3">
        <v>12</v>
      </c>
      <c r="H33" s="2" t="s">
        <v>144</v>
      </c>
      <c r="I33" s="3">
        <v>2012</v>
      </c>
      <c r="J33" s="2" t="s">
        <v>19</v>
      </c>
      <c r="K33" s="2"/>
      <c r="L33" s="2" t="s">
        <v>145</v>
      </c>
    </row>
    <row r="34" spans="1:12" ht="15.2" customHeight="1">
      <c r="A34" s="2" t="s">
        <v>138</v>
      </c>
      <c r="B34" s="2" t="s">
        <v>25</v>
      </c>
      <c r="C34" s="2"/>
      <c r="D34" s="2" t="s">
        <v>146</v>
      </c>
      <c r="E34" s="2" t="s">
        <v>147</v>
      </c>
      <c r="F34" s="2" t="s">
        <v>148</v>
      </c>
      <c r="G34" s="3">
        <v>1</v>
      </c>
      <c r="H34" s="2" t="s">
        <v>29</v>
      </c>
      <c r="I34" s="3">
        <v>2020</v>
      </c>
      <c r="J34" s="2" t="s">
        <v>66</v>
      </c>
      <c r="K34" s="2"/>
      <c r="L34" s="2" t="s">
        <v>149</v>
      </c>
    </row>
    <row r="35" spans="1:12" ht="15.2" customHeight="1">
      <c r="A35" s="2" t="s">
        <v>138</v>
      </c>
      <c r="B35" s="2" t="s">
        <v>32</v>
      </c>
      <c r="C35" s="2"/>
      <c r="D35" s="2" t="s">
        <v>150</v>
      </c>
      <c r="E35" s="2" t="s">
        <v>147</v>
      </c>
      <c r="F35" s="2" t="s">
        <v>151</v>
      </c>
      <c r="G35" s="3">
        <v>2</v>
      </c>
      <c r="H35" s="2" t="s">
        <v>29</v>
      </c>
      <c r="I35" s="3">
        <v>2020</v>
      </c>
      <c r="J35" s="2" t="s">
        <v>66</v>
      </c>
      <c r="K35" s="2"/>
      <c r="L35" s="2" t="s">
        <v>152</v>
      </c>
    </row>
    <row r="36" spans="1:12" ht="15.2" customHeight="1">
      <c r="A36" s="2" t="s">
        <v>138</v>
      </c>
      <c r="B36" s="2" t="s">
        <v>36</v>
      </c>
      <c r="C36" s="2"/>
      <c r="D36" s="2" t="s">
        <v>153</v>
      </c>
      <c r="E36" s="2" t="s">
        <v>154</v>
      </c>
      <c r="F36" s="2" t="s">
        <v>154</v>
      </c>
      <c r="G36" s="3">
        <v>1</v>
      </c>
      <c r="H36" s="2" t="s">
        <v>29</v>
      </c>
      <c r="I36" s="3">
        <v>2020</v>
      </c>
      <c r="J36" s="2" t="s">
        <v>30</v>
      </c>
      <c r="K36" s="2"/>
      <c r="L36" s="2" t="s">
        <v>155</v>
      </c>
    </row>
    <row r="37" spans="1:12" ht="15.2" customHeight="1">
      <c r="A37" s="2" t="s">
        <v>138</v>
      </c>
      <c r="B37" s="2" t="s">
        <v>42</v>
      </c>
      <c r="C37" s="2"/>
      <c r="D37" s="2" t="s">
        <v>156</v>
      </c>
      <c r="E37" s="2" t="s">
        <v>157</v>
      </c>
      <c r="F37" s="2" t="s">
        <v>158</v>
      </c>
      <c r="G37" s="3">
        <v>5</v>
      </c>
      <c r="H37" s="2" t="s">
        <v>29</v>
      </c>
      <c r="I37" s="3">
        <v>2019</v>
      </c>
      <c r="J37" s="2" t="s">
        <v>30</v>
      </c>
      <c r="K37" s="2"/>
      <c r="L37" s="2" t="s">
        <v>159</v>
      </c>
    </row>
    <row r="38" spans="1:12" ht="15.2" customHeight="1">
      <c r="A38" s="2" t="s">
        <v>138</v>
      </c>
      <c r="B38" s="2" t="s">
        <v>47</v>
      </c>
      <c r="C38" s="2"/>
      <c r="D38" s="2" t="s">
        <v>160</v>
      </c>
      <c r="E38" s="2" t="s">
        <v>157</v>
      </c>
      <c r="F38" s="2" t="s">
        <v>161</v>
      </c>
      <c r="G38" s="3">
        <v>6</v>
      </c>
      <c r="H38" s="2" t="s">
        <v>29</v>
      </c>
      <c r="I38" s="3">
        <v>2019</v>
      </c>
      <c r="J38" s="2" t="s">
        <v>30</v>
      </c>
      <c r="K38" s="2"/>
      <c r="L38" s="2" t="s">
        <v>159</v>
      </c>
    </row>
    <row r="39" spans="1:12" ht="15.2" customHeight="1">
      <c r="A39" s="2" t="s">
        <v>138</v>
      </c>
      <c r="B39" s="2" t="s">
        <v>51</v>
      </c>
      <c r="C39" s="2"/>
      <c r="D39" s="2" t="s">
        <v>162</v>
      </c>
      <c r="E39" s="2" t="s">
        <v>163</v>
      </c>
      <c r="F39" s="2" t="s">
        <v>164</v>
      </c>
      <c r="G39" s="3">
        <v>2</v>
      </c>
      <c r="H39" s="2" t="s">
        <v>29</v>
      </c>
      <c r="I39" s="3">
        <v>2020</v>
      </c>
      <c r="J39" s="2" t="s">
        <v>30</v>
      </c>
      <c r="K39" s="2"/>
      <c r="L39" s="2" t="s">
        <v>165</v>
      </c>
    </row>
    <row r="40" spans="1:12" ht="15.2" customHeight="1">
      <c r="A40" s="2" t="s">
        <v>138</v>
      </c>
      <c r="B40" s="2" t="s">
        <v>56</v>
      </c>
      <c r="C40" s="2"/>
      <c r="D40" s="2" t="s">
        <v>166</v>
      </c>
      <c r="E40" s="2" t="s">
        <v>163</v>
      </c>
      <c r="F40" s="2" t="s">
        <v>167</v>
      </c>
      <c r="G40" s="3">
        <v>5</v>
      </c>
      <c r="H40" s="2" t="s">
        <v>29</v>
      </c>
      <c r="I40" s="3">
        <v>2020</v>
      </c>
      <c r="J40" s="2" t="s">
        <v>30</v>
      </c>
      <c r="K40" s="2"/>
      <c r="L40" s="2" t="s">
        <v>168</v>
      </c>
    </row>
    <row r="41" spans="1:12" ht="15.2" customHeight="1">
      <c r="A41" s="2" t="s">
        <v>138</v>
      </c>
      <c r="B41" s="2" t="s">
        <v>61</v>
      </c>
      <c r="C41" s="2" t="s">
        <v>126</v>
      </c>
      <c r="D41" s="2" t="s">
        <v>127</v>
      </c>
      <c r="E41" s="2" t="s">
        <v>128</v>
      </c>
      <c r="F41" s="2" t="s">
        <v>128</v>
      </c>
      <c r="G41" s="3">
        <v>1</v>
      </c>
      <c r="H41" s="2" t="s">
        <v>29</v>
      </c>
      <c r="I41" s="3">
        <v>2019</v>
      </c>
      <c r="J41" s="2" t="s">
        <v>66</v>
      </c>
      <c r="K41" s="2"/>
      <c r="L41" s="2" t="s">
        <v>129</v>
      </c>
    </row>
    <row r="42" spans="1:12" ht="15.2" customHeight="1">
      <c r="A42" s="2" t="s">
        <v>138</v>
      </c>
      <c r="B42" s="2" t="s">
        <v>68</v>
      </c>
      <c r="C42" s="2" t="s">
        <v>131</v>
      </c>
      <c r="D42" s="2" t="s">
        <v>132</v>
      </c>
      <c r="E42" s="2" t="s">
        <v>133</v>
      </c>
      <c r="F42" s="2" t="s">
        <v>134</v>
      </c>
      <c r="G42" s="3">
        <v>1</v>
      </c>
      <c r="H42" s="2" t="s">
        <v>135</v>
      </c>
      <c r="I42" s="3">
        <v>2011</v>
      </c>
      <c r="J42" s="2" t="s">
        <v>66</v>
      </c>
      <c r="K42" s="2"/>
      <c r="L42" s="2" t="s">
        <v>136</v>
      </c>
    </row>
    <row r="43" spans="1:12" ht="15.2" customHeight="1">
      <c r="A43" s="2" t="s">
        <v>138</v>
      </c>
      <c r="B43" s="2" t="s">
        <v>73</v>
      </c>
      <c r="C43" s="2" t="s">
        <v>169</v>
      </c>
      <c r="D43" s="2" t="s">
        <v>170</v>
      </c>
      <c r="E43" s="2" t="s">
        <v>171</v>
      </c>
      <c r="F43" s="2" t="s">
        <v>172</v>
      </c>
      <c r="G43" s="3">
        <v>1</v>
      </c>
      <c r="H43" s="2" t="s">
        <v>135</v>
      </c>
      <c r="I43" s="3">
        <v>2009</v>
      </c>
      <c r="J43" s="2" t="s">
        <v>66</v>
      </c>
      <c r="K43" s="2"/>
      <c r="L43" s="2" t="s">
        <v>173</v>
      </c>
    </row>
    <row r="44" spans="1:12" ht="15.2" customHeight="1">
      <c r="A44" s="2" t="s">
        <v>138</v>
      </c>
      <c r="B44" s="2" t="s">
        <v>78</v>
      </c>
      <c r="C44" s="2"/>
      <c r="D44" s="2" t="s">
        <v>174</v>
      </c>
      <c r="E44" s="2" t="s">
        <v>175</v>
      </c>
      <c r="F44" s="2" t="s">
        <v>176</v>
      </c>
      <c r="G44" s="3">
        <v>5</v>
      </c>
      <c r="H44" s="2" t="s">
        <v>29</v>
      </c>
      <c r="I44" s="3">
        <v>2020</v>
      </c>
      <c r="J44" s="2" t="s">
        <v>66</v>
      </c>
      <c r="K44" s="2"/>
      <c r="L44" s="2" t="s">
        <v>177</v>
      </c>
    </row>
    <row r="45" spans="1:12" ht="15.2" customHeight="1">
      <c r="A45" s="2" t="s">
        <v>138</v>
      </c>
      <c r="B45" s="2" t="s">
        <v>83</v>
      </c>
      <c r="C45" s="2" t="s">
        <v>178</v>
      </c>
      <c r="D45" s="2" t="s">
        <v>179</v>
      </c>
      <c r="E45" s="2" t="s">
        <v>180</v>
      </c>
      <c r="F45" s="2" t="s">
        <v>181</v>
      </c>
      <c r="G45" s="3">
        <v>4</v>
      </c>
      <c r="H45" s="2" t="s">
        <v>94</v>
      </c>
      <c r="I45" s="3">
        <v>2011</v>
      </c>
      <c r="J45" s="2" t="s">
        <v>66</v>
      </c>
      <c r="K45" s="2"/>
      <c r="L45" s="2" t="s">
        <v>182</v>
      </c>
    </row>
    <row r="46" spans="1:12" ht="15.2" customHeight="1">
      <c r="A46" s="2" t="s">
        <v>138</v>
      </c>
      <c r="B46" s="2" t="s">
        <v>183</v>
      </c>
      <c r="C46" s="2" t="s">
        <v>184</v>
      </c>
      <c r="D46" s="2" t="s">
        <v>185</v>
      </c>
      <c r="E46" s="2" t="s">
        <v>180</v>
      </c>
      <c r="F46" s="2" t="s">
        <v>186</v>
      </c>
      <c r="G46" s="3">
        <v>5</v>
      </c>
      <c r="H46" s="2" t="s">
        <v>94</v>
      </c>
      <c r="I46" s="3">
        <v>2011</v>
      </c>
      <c r="J46" s="2" t="s">
        <v>66</v>
      </c>
      <c r="K46" s="2"/>
      <c r="L46" s="2" t="s">
        <v>187</v>
      </c>
    </row>
    <row r="47" spans="1:12" ht="15.2" customHeight="1">
      <c r="A47" s="2" t="s">
        <v>138</v>
      </c>
      <c r="B47" s="2" t="s">
        <v>90</v>
      </c>
      <c r="C47" s="2" t="s">
        <v>188</v>
      </c>
      <c r="D47" s="2" t="s">
        <v>189</v>
      </c>
      <c r="E47" s="2" t="s">
        <v>190</v>
      </c>
      <c r="F47" s="2" t="s">
        <v>191</v>
      </c>
      <c r="G47" s="3">
        <v>2</v>
      </c>
      <c r="H47" s="2" t="s">
        <v>94</v>
      </c>
      <c r="I47" s="3">
        <v>2015</v>
      </c>
      <c r="J47" s="2" t="s">
        <v>30</v>
      </c>
      <c r="K47" s="2"/>
      <c r="L47" s="2" t="s">
        <v>192</v>
      </c>
    </row>
    <row r="48" spans="1:12" ht="15.2" customHeight="1">
      <c r="A48" s="2" t="s">
        <v>138</v>
      </c>
      <c r="B48" s="2" t="s">
        <v>97</v>
      </c>
      <c r="C48" s="2" t="s">
        <v>193</v>
      </c>
      <c r="D48" s="2" t="s">
        <v>194</v>
      </c>
      <c r="E48" s="2" t="s">
        <v>190</v>
      </c>
      <c r="F48" s="2" t="s">
        <v>195</v>
      </c>
      <c r="G48" s="3">
        <v>6</v>
      </c>
      <c r="H48" s="2" t="s">
        <v>94</v>
      </c>
      <c r="I48" s="3">
        <v>2015</v>
      </c>
      <c r="J48" s="2" t="s">
        <v>30</v>
      </c>
      <c r="K48" s="2"/>
      <c r="L48" s="2" t="s">
        <v>196</v>
      </c>
    </row>
    <row r="49" spans="1:12" ht="15.2" customHeight="1">
      <c r="A49" s="2" t="s">
        <v>138</v>
      </c>
      <c r="B49" s="2" t="s">
        <v>101</v>
      </c>
      <c r="C49" s="2"/>
      <c r="D49" s="2" t="s">
        <v>197</v>
      </c>
      <c r="E49" s="2" t="s">
        <v>163</v>
      </c>
      <c r="F49" s="2" t="s">
        <v>198</v>
      </c>
      <c r="G49" s="3">
        <v>7</v>
      </c>
      <c r="H49" s="2" t="s">
        <v>29</v>
      </c>
      <c r="I49" s="3">
        <v>2020</v>
      </c>
      <c r="J49" s="2" t="s">
        <v>30</v>
      </c>
      <c r="K49" s="2"/>
      <c r="L49" s="2" t="s">
        <v>199</v>
      </c>
    </row>
    <row r="50" spans="1:12" ht="15.2" customHeight="1">
      <c r="A50" s="2" t="s">
        <v>138</v>
      </c>
      <c r="B50" s="2" t="s">
        <v>105</v>
      </c>
      <c r="C50" s="2"/>
      <c r="D50" s="2" t="s">
        <v>200</v>
      </c>
      <c r="E50" s="2" t="s">
        <v>163</v>
      </c>
      <c r="F50" s="2" t="s">
        <v>201</v>
      </c>
      <c r="G50" s="3">
        <v>8</v>
      </c>
      <c r="H50" s="2" t="s">
        <v>29</v>
      </c>
      <c r="I50" s="3">
        <v>2020</v>
      </c>
      <c r="J50" s="2" t="s">
        <v>30</v>
      </c>
      <c r="K50" s="2"/>
      <c r="L50" s="2" t="s">
        <v>202</v>
      </c>
    </row>
    <row r="51" spans="1:12" ht="15.2" customHeight="1">
      <c r="A51" s="2" t="s">
        <v>138</v>
      </c>
      <c r="B51" s="2" t="s">
        <v>109</v>
      </c>
      <c r="C51" s="2"/>
      <c r="D51" s="2" t="s">
        <v>203</v>
      </c>
      <c r="E51" s="2" t="s">
        <v>204</v>
      </c>
      <c r="F51" s="2" t="s">
        <v>204</v>
      </c>
      <c r="G51" s="3">
        <v>1</v>
      </c>
      <c r="H51" s="2" t="s">
        <v>29</v>
      </c>
      <c r="I51" s="3">
        <v>2020</v>
      </c>
      <c r="J51" s="2" t="s">
        <v>66</v>
      </c>
      <c r="K51" s="2"/>
      <c r="L51" s="2" t="s">
        <v>205</v>
      </c>
    </row>
    <row r="52" spans="1:12" ht="15.2" customHeight="1">
      <c r="A52" s="2" t="s">
        <v>138</v>
      </c>
      <c r="B52" s="2" t="s">
        <v>114</v>
      </c>
      <c r="C52" s="2" t="s">
        <v>206</v>
      </c>
      <c r="D52" s="2" t="s">
        <v>207</v>
      </c>
      <c r="E52" s="2" t="s">
        <v>208</v>
      </c>
      <c r="F52" s="2" t="s">
        <v>208</v>
      </c>
      <c r="G52" s="3">
        <v>1</v>
      </c>
      <c r="H52" s="2" t="s">
        <v>29</v>
      </c>
      <c r="I52" s="3">
        <v>2016</v>
      </c>
      <c r="J52" s="2" t="s">
        <v>30</v>
      </c>
      <c r="K52" s="2"/>
      <c r="L52" s="2" t="s">
        <v>209</v>
      </c>
    </row>
    <row r="53" spans="1:12" ht="15.2" customHeight="1">
      <c r="A53" s="2" t="s">
        <v>138</v>
      </c>
      <c r="B53" s="2" t="s">
        <v>119</v>
      </c>
      <c r="C53" s="2"/>
      <c r="D53" s="2" t="s">
        <v>156</v>
      </c>
      <c r="E53" s="2" t="s">
        <v>157</v>
      </c>
      <c r="F53" s="2" t="s">
        <v>158</v>
      </c>
      <c r="G53" s="3">
        <v>5</v>
      </c>
      <c r="H53" s="2" t="s">
        <v>29</v>
      </c>
      <c r="I53" s="3">
        <v>2019</v>
      </c>
      <c r="J53" s="2" t="s">
        <v>30</v>
      </c>
      <c r="K53" s="2"/>
      <c r="L53" s="2" t="s">
        <v>159</v>
      </c>
    </row>
    <row r="54" spans="1:12" ht="15.2" customHeight="1">
      <c r="A54" s="2" t="s">
        <v>138</v>
      </c>
      <c r="B54" s="2" t="s">
        <v>120</v>
      </c>
      <c r="C54" s="2"/>
      <c r="D54" s="2" t="s">
        <v>160</v>
      </c>
      <c r="E54" s="2" t="s">
        <v>157</v>
      </c>
      <c r="F54" s="2" t="s">
        <v>161</v>
      </c>
      <c r="G54" s="3">
        <v>6</v>
      </c>
      <c r="H54" s="2" t="s">
        <v>29</v>
      </c>
      <c r="I54" s="3">
        <v>2019</v>
      </c>
      <c r="J54" s="2" t="s">
        <v>30</v>
      </c>
      <c r="K54" s="2"/>
      <c r="L54" s="2" t="s">
        <v>159</v>
      </c>
    </row>
    <row r="55" spans="1:12" ht="15.2" customHeight="1">
      <c r="A55" s="2" t="s">
        <v>138</v>
      </c>
      <c r="B55" s="2" t="s">
        <v>121</v>
      </c>
      <c r="C55" s="2"/>
      <c r="D55" s="2" t="s">
        <v>162</v>
      </c>
      <c r="E55" s="2" t="s">
        <v>163</v>
      </c>
      <c r="F55" s="2" t="s">
        <v>164</v>
      </c>
      <c r="G55" s="3">
        <v>2</v>
      </c>
      <c r="H55" s="2" t="s">
        <v>29</v>
      </c>
      <c r="I55" s="3">
        <v>2020</v>
      </c>
      <c r="J55" s="2" t="s">
        <v>30</v>
      </c>
      <c r="K55" s="2"/>
      <c r="L55" s="2" t="s">
        <v>165</v>
      </c>
    </row>
    <row r="56" spans="1:12" ht="15.2" customHeight="1">
      <c r="A56" s="2" t="s">
        <v>138</v>
      </c>
      <c r="B56" s="2" t="s">
        <v>122</v>
      </c>
      <c r="C56" s="2"/>
      <c r="D56" s="2" t="s">
        <v>166</v>
      </c>
      <c r="E56" s="2" t="s">
        <v>163</v>
      </c>
      <c r="F56" s="2" t="s">
        <v>167</v>
      </c>
      <c r="G56" s="3">
        <v>5</v>
      </c>
      <c r="H56" s="2" t="s">
        <v>29</v>
      </c>
      <c r="I56" s="3">
        <v>2020</v>
      </c>
      <c r="J56" s="2" t="s">
        <v>30</v>
      </c>
      <c r="K56" s="2"/>
      <c r="L56" s="2" t="s">
        <v>168</v>
      </c>
    </row>
    <row r="57" spans="1:12" ht="15.2" customHeight="1">
      <c r="A57" s="2" t="s">
        <v>138</v>
      </c>
      <c r="B57" s="2" t="s">
        <v>123</v>
      </c>
      <c r="C57" s="2"/>
      <c r="D57" s="2" t="s">
        <v>139</v>
      </c>
      <c r="E57" s="2" t="s">
        <v>16</v>
      </c>
      <c r="F57" s="2" t="s">
        <v>140</v>
      </c>
      <c r="G57" s="3">
        <v>11</v>
      </c>
      <c r="H57" s="2" t="s">
        <v>18</v>
      </c>
      <c r="I57" s="3">
        <v>2012</v>
      </c>
      <c r="J57" s="2" t="s">
        <v>19</v>
      </c>
      <c r="K57" s="2"/>
      <c r="L57" s="2" t="s">
        <v>141</v>
      </c>
    </row>
    <row r="58" spans="1:12" ht="15.2" customHeight="1">
      <c r="A58" s="2" t="s">
        <v>138</v>
      </c>
      <c r="B58" s="2" t="s">
        <v>124</v>
      </c>
      <c r="C58" s="2"/>
      <c r="D58" s="2" t="s">
        <v>142</v>
      </c>
      <c r="E58" s="2" t="s">
        <v>16</v>
      </c>
      <c r="F58" s="2" t="s">
        <v>143</v>
      </c>
      <c r="G58" s="3">
        <v>12</v>
      </c>
      <c r="H58" s="2" t="s">
        <v>144</v>
      </c>
      <c r="I58" s="3">
        <v>2012</v>
      </c>
      <c r="J58" s="2" t="s">
        <v>19</v>
      </c>
      <c r="K58" s="2"/>
      <c r="L58" s="2" t="s">
        <v>145</v>
      </c>
    </row>
    <row r="59" spans="1:12" ht="15.2" customHeight="1">
      <c r="A59" s="2" t="s">
        <v>138</v>
      </c>
      <c r="B59" s="2" t="s">
        <v>125</v>
      </c>
      <c r="C59" s="2"/>
      <c r="D59" s="2" t="s">
        <v>102</v>
      </c>
      <c r="E59" s="2" t="s">
        <v>44</v>
      </c>
      <c r="F59" s="2" t="s">
        <v>103</v>
      </c>
      <c r="G59" s="3">
        <v>9</v>
      </c>
      <c r="H59" s="2" t="s">
        <v>29</v>
      </c>
      <c r="I59" s="3">
        <v>2020</v>
      </c>
      <c r="J59" s="2" t="s">
        <v>19</v>
      </c>
      <c r="K59" s="2"/>
      <c r="L59" s="2" t="s">
        <v>104</v>
      </c>
    </row>
    <row r="60" spans="1:12" ht="15.2" customHeight="1">
      <c r="A60" s="2" t="s">
        <v>138</v>
      </c>
      <c r="B60" s="2" t="s">
        <v>130</v>
      </c>
      <c r="C60" s="2"/>
      <c r="D60" s="2" t="s">
        <v>106</v>
      </c>
      <c r="E60" s="2" t="s">
        <v>44</v>
      </c>
      <c r="F60" s="2" t="s">
        <v>107</v>
      </c>
      <c r="G60" s="3">
        <v>10</v>
      </c>
      <c r="H60" s="2" t="s">
        <v>29</v>
      </c>
      <c r="I60" s="3">
        <v>2020</v>
      </c>
      <c r="J60" s="2" t="s">
        <v>19</v>
      </c>
      <c r="K60" s="2"/>
      <c r="L60" s="2" t="s">
        <v>108</v>
      </c>
    </row>
    <row r="61" spans="1:12" ht="15.2" customHeight="1">
      <c r="A61" s="2" t="s">
        <v>138</v>
      </c>
      <c r="B61" s="2" t="s">
        <v>137</v>
      </c>
      <c r="C61" s="2" t="s">
        <v>74</v>
      </c>
      <c r="D61" s="2" t="s">
        <v>75</v>
      </c>
      <c r="E61" s="2" t="s">
        <v>64</v>
      </c>
      <c r="F61" s="2" t="s">
        <v>76</v>
      </c>
      <c r="G61" s="3">
        <v>7</v>
      </c>
      <c r="H61" s="2" t="s">
        <v>29</v>
      </c>
      <c r="I61" s="3">
        <v>2019</v>
      </c>
      <c r="J61" s="2" t="s">
        <v>66</v>
      </c>
      <c r="K61" s="2"/>
      <c r="L61" s="2" t="s">
        <v>77</v>
      </c>
    </row>
    <row r="62" spans="1:12" ht="15.2" customHeight="1">
      <c r="A62" s="2" t="s">
        <v>210</v>
      </c>
      <c r="B62" s="2" t="s">
        <v>14</v>
      </c>
      <c r="C62" s="2" t="s">
        <v>211</v>
      </c>
      <c r="D62" s="2" t="s">
        <v>212</v>
      </c>
      <c r="E62" s="2" t="s">
        <v>212</v>
      </c>
      <c r="F62" s="2" t="s">
        <v>213</v>
      </c>
      <c r="G62" s="3">
        <v>19</v>
      </c>
      <c r="H62" s="2" t="s">
        <v>214</v>
      </c>
      <c r="I62" s="3">
        <v>2019</v>
      </c>
      <c r="J62" s="2" t="s">
        <v>30</v>
      </c>
      <c r="K62" s="2"/>
      <c r="L62" s="2" t="s">
        <v>215</v>
      </c>
    </row>
    <row r="63" spans="1:12" ht="15.2" customHeight="1">
      <c r="A63" s="2" t="s">
        <v>210</v>
      </c>
      <c r="B63" s="2" t="s">
        <v>21</v>
      </c>
      <c r="C63" s="2" t="s">
        <v>216</v>
      </c>
      <c r="D63" s="2" t="s">
        <v>212</v>
      </c>
      <c r="E63" s="2" t="s">
        <v>212</v>
      </c>
      <c r="F63" s="2" t="s">
        <v>217</v>
      </c>
      <c r="G63" s="3">
        <v>20</v>
      </c>
      <c r="H63" s="2" t="s">
        <v>214</v>
      </c>
      <c r="I63" s="3">
        <v>2019</v>
      </c>
      <c r="J63" s="2" t="s">
        <v>30</v>
      </c>
      <c r="K63" s="2"/>
      <c r="L63" s="2" t="s">
        <v>218</v>
      </c>
    </row>
    <row r="64" spans="1:12" ht="15.2" customHeight="1">
      <c r="A64" s="2" t="s">
        <v>210</v>
      </c>
      <c r="B64" s="2" t="s">
        <v>25</v>
      </c>
      <c r="C64" s="2" t="s">
        <v>219</v>
      </c>
      <c r="D64" s="2" t="s">
        <v>220</v>
      </c>
      <c r="E64" s="2" t="s">
        <v>221</v>
      </c>
      <c r="F64" s="2" t="s">
        <v>222</v>
      </c>
      <c r="G64" s="3">
        <v>6</v>
      </c>
      <c r="H64" s="2" t="s">
        <v>94</v>
      </c>
      <c r="I64" s="3">
        <v>2017</v>
      </c>
      <c r="J64" s="2" t="s">
        <v>30</v>
      </c>
      <c r="K64" s="2"/>
      <c r="L64" s="2" t="s">
        <v>223</v>
      </c>
    </row>
    <row r="65" spans="1:12" ht="15.2" customHeight="1">
      <c r="A65" s="2" t="s">
        <v>210</v>
      </c>
      <c r="B65" s="2" t="s">
        <v>32</v>
      </c>
      <c r="C65" s="2" t="s">
        <v>224</v>
      </c>
      <c r="D65" s="2" t="s">
        <v>225</v>
      </c>
      <c r="E65" s="2" t="s">
        <v>221</v>
      </c>
      <c r="F65" s="2" t="s">
        <v>226</v>
      </c>
      <c r="G65" s="3">
        <v>1</v>
      </c>
      <c r="H65" s="2" t="s">
        <v>94</v>
      </c>
      <c r="I65" s="3">
        <v>2017</v>
      </c>
      <c r="J65" s="2" t="s">
        <v>30</v>
      </c>
      <c r="K65" s="2"/>
      <c r="L65" s="2" t="s">
        <v>227</v>
      </c>
    </row>
    <row r="66" spans="1:12" ht="15.2" customHeight="1">
      <c r="A66" s="2" t="s">
        <v>210</v>
      </c>
      <c r="B66" s="2" t="s">
        <v>36</v>
      </c>
      <c r="C66" s="2"/>
      <c r="D66" s="2"/>
      <c r="E66" s="2" t="s">
        <v>98</v>
      </c>
      <c r="F66" s="2" t="s">
        <v>98</v>
      </c>
      <c r="G66" s="3">
        <v>1</v>
      </c>
      <c r="H66" s="2" t="s">
        <v>29</v>
      </c>
      <c r="I66" s="3">
        <v>2020</v>
      </c>
      <c r="J66" s="2" t="s">
        <v>99</v>
      </c>
      <c r="K66" s="2"/>
      <c r="L66" s="2" t="s">
        <v>100</v>
      </c>
    </row>
    <row r="67" spans="1:12" ht="15.2" customHeight="1">
      <c r="A67" s="2" t="s">
        <v>210</v>
      </c>
      <c r="B67" s="2" t="s">
        <v>42</v>
      </c>
      <c r="C67" s="2" t="s">
        <v>228</v>
      </c>
      <c r="D67" s="2" t="s">
        <v>229</v>
      </c>
      <c r="E67" s="2" t="s">
        <v>44</v>
      </c>
      <c r="F67" s="2" t="s">
        <v>230</v>
      </c>
      <c r="G67" s="3">
        <v>1</v>
      </c>
      <c r="H67" s="2" t="s">
        <v>94</v>
      </c>
      <c r="I67" s="3">
        <v>2006</v>
      </c>
      <c r="J67" s="2" t="s">
        <v>19</v>
      </c>
      <c r="K67" s="2"/>
      <c r="L67" s="2" t="s">
        <v>231</v>
      </c>
    </row>
    <row r="68" spans="1:12" ht="15.2" customHeight="1">
      <c r="A68" s="2" t="s">
        <v>210</v>
      </c>
      <c r="B68" s="2" t="s">
        <v>47</v>
      </c>
      <c r="C68" s="2" t="s">
        <v>232</v>
      </c>
      <c r="D68" s="2" t="s">
        <v>233</v>
      </c>
      <c r="E68" s="2" t="s">
        <v>234</v>
      </c>
      <c r="F68" s="2" t="s">
        <v>235</v>
      </c>
      <c r="G68" s="3">
        <v>1</v>
      </c>
      <c r="H68" s="2" t="s">
        <v>94</v>
      </c>
      <c r="I68" s="3">
        <v>2015</v>
      </c>
      <c r="J68" s="2" t="s">
        <v>236</v>
      </c>
      <c r="K68" s="2" t="s">
        <v>237</v>
      </c>
      <c r="L68" s="2" t="s">
        <v>238</v>
      </c>
    </row>
    <row r="69" spans="1:12" ht="15.2" customHeight="1">
      <c r="A69" s="2" t="s">
        <v>210</v>
      </c>
      <c r="B69" s="2" t="s">
        <v>51</v>
      </c>
      <c r="C69" s="2" t="s">
        <v>239</v>
      </c>
      <c r="D69" s="2" t="s">
        <v>240</v>
      </c>
      <c r="E69" s="2" t="s">
        <v>241</v>
      </c>
      <c r="F69" s="2" t="s">
        <v>242</v>
      </c>
      <c r="G69" s="3">
        <v>1</v>
      </c>
      <c r="H69" s="2" t="s">
        <v>94</v>
      </c>
      <c r="I69" s="3">
        <v>2018</v>
      </c>
      <c r="J69" s="2" t="s">
        <v>243</v>
      </c>
      <c r="K69" s="2" t="s">
        <v>244</v>
      </c>
      <c r="L69" s="2" t="s">
        <v>245</v>
      </c>
    </row>
    <row r="70" spans="1:12" ht="15.2" customHeight="1">
      <c r="A70" s="2" t="s">
        <v>210</v>
      </c>
      <c r="B70" s="2" t="s">
        <v>56</v>
      </c>
      <c r="C70" s="2"/>
      <c r="D70" s="2" t="s">
        <v>246</v>
      </c>
      <c r="E70" s="2" t="s">
        <v>247</v>
      </c>
      <c r="F70" s="2" t="s">
        <v>248</v>
      </c>
      <c r="G70" s="3">
        <v>6</v>
      </c>
      <c r="H70" s="2" t="s">
        <v>29</v>
      </c>
      <c r="I70" s="3">
        <v>2020</v>
      </c>
      <c r="J70" s="2" t="s">
        <v>66</v>
      </c>
      <c r="K70" s="2"/>
      <c r="L70" s="2" t="s">
        <v>249</v>
      </c>
    </row>
    <row r="71" spans="1:12" ht="15.2" customHeight="1">
      <c r="A71" s="2" t="s">
        <v>210</v>
      </c>
      <c r="B71" s="2" t="s">
        <v>61</v>
      </c>
      <c r="C71" s="2"/>
      <c r="D71" s="2" t="s">
        <v>250</v>
      </c>
      <c r="E71" s="2" t="s">
        <v>247</v>
      </c>
      <c r="F71" s="2" t="s">
        <v>251</v>
      </c>
      <c r="G71" s="3">
        <v>7</v>
      </c>
      <c r="H71" s="2" t="s">
        <v>29</v>
      </c>
      <c r="I71" s="3">
        <v>2020</v>
      </c>
      <c r="J71" s="2" t="s">
        <v>66</v>
      </c>
      <c r="K71" s="2"/>
      <c r="L71" s="2" t="s">
        <v>252</v>
      </c>
    </row>
    <row r="72" spans="1:12" ht="15.2" customHeight="1">
      <c r="A72" s="2" t="s">
        <v>210</v>
      </c>
      <c r="B72" s="2" t="s">
        <v>68</v>
      </c>
      <c r="C72" s="2"/>
      <c r="D72" s="2" t="s">
        <v>253</v>
      </c>
      <c r="E72" s="2" t="s">
        <v>247</v>
      </c>
      <c r="F72" s="2" t="s">
        <v>254</v>
      </c>
      <c r="G72" s="3">
        <v>8</v>
      </c>
      <c r="H72" s="2" t="s">
        <v>29</v>
      </c>
      <c r="I72" s="3">
        <v>2020</v>
      </c>
      <c r="J72" s="2" t="s">
        <v>66</v>
      </c>
      <c r="K72" s="2"/>
      <c r="L72" s="2" t="s">
        <v>255</v>
      </c>
    </row>
    <row r="73" spans="1:12" ht="15.2" customHeight="1">
      <c r="A73" s="2" t="s">
        <v>210</v>
      </c>
      <c r="B73" s="2" t="s">
        <v>73</v>
      </c>
      <c r="C73" s="2" t="s">
        <v>256</v>
      </c>
      <c r="D73" s="2" t="s">
        <v>257</v>
      </c>
      <c r="E73" s="2" t="s">
        <v>258</v>
      </c>
      <c r="F73" s="2" t="s">
        <v>259</v>
      </c>
      <c r="G73" s="3">
        <v>1</v>
      </c>
      <c r="H73" s="2" t="s">
        <v>94</v>
      </c>
      <c r="I73" s="3">
        <v>2015</v>
      </c>
      <c r="J73" s="2" t="s">
        <v>66</v>
      </c>
      <c r="K73" s="2"/>
      <c r="L73" s="2" t="s">
        <v>260</v>
      </c>
    </row>
    <row r="74" spans="1:12" ht="15.2" customHeight="1">
      <c r="A74" s="2" t="s">
        <v>210</v>
      </c>
      <c r="B74" s="2" t="s">
        <v>78</v>
      </c>
      <c r="C74" s="2" t="s">
        <v>261</v>
      </c>
      <c r="D74" s="2" t="s">
        <v>262</v>
      </c>
      <c r="E74" s="2" t="s">
        <v>258</v>
      </c>
      <c r="F74" s="2" t="s">
        <v>263</v>
      </c>
      <c r="G74" s="3">
        <v>2</v>
      </c>
      <c r="H74" s="2" t="s">
        <v>94</v>
      </c>
      <c r="I74" s="3">
        <v>2015</v>
      </c>
      <c r="J74" s="2" t="s">
        <v>66</v>
      </c>
      <c r="K74" s="2"/>
      <c r="L74" s="2" t="s">
        <v>264</v>
      </c>
    </row>
    <row r="75" spans="1:12" ht="15.2" customHeight="1">
      <c r="A75" s="2" t="s">
        <v>210</v>
      </c>
      <c r="B75" s="2" t="s">
        <v>83</v>
      </c>
      <c r="C75" s="2" t="s">
        <v>265</v>
      </c>
      <c r="D75" s="2" t="s">
        <v>266</v>
      </c>
      <c r="E75" s="2" t="s">
        <v>267</v>
      </c>
      <c r="F75" s="2" t="s">
        <v>268</v>
      </c>
      <c r="G75" s="3">
        <v>2</v>
      </c>
      <c r="H75" s="2" t="s">
        <v>94</v>
      </c>
      <c r="I75" s="3">
        <v>2016</v>
      </c>
      <c r="J75" s="2" t="s">
        <v>19</v>
      </c>
      <c r="K75" s="2"/>
      <c r="L75" s="2" t="s">
        <v>269</v>
      </c>
    </row>
    <row r="76" spans="1:12" ht="15.2" customHeight="1">
      <c r="A76" s="2" t="s">
        <v>210</v>
      </c>
      <c r="B76" s="2" t="s">
        <v>183</v>
      </c>
      <c r="C76" s="2" t="s">
        <v>270</v>
      </c>
      <c r="D76" s="2" t="s">
        <v>271</v>
      </c>
      <c r="E76" s="2" t="s">
        <v>272</v>
      </c>
      <c r="F76" s="2" t="s">
        <v>273</v>
      </c>
      <c r="G76" s="3">
        <v>5</v>
      </c>
      <c r="H76" s="2" t="s">
        <v>94</v>
      </c>
      <c r="I76" s="3">
        <v>2015</v>
      </c>
      <c r="J76" s="2" t="s">
        <v>66</v>
      </c>
      <c r="K76" s="2"/>
      <c r="L76" s="2" t="s">
        <v>274</v>
      </c>
    </row>
    <row r="77" spans="1:12" ht="15.2" customHeight="1">
      <c r="A77" s="2" t="s">
        <v>210</v>
      </c>
      <c r="B77" s="2" t="s">
        <v>90</v>
      </c>
      <c r="C77" s="2" t="s">
        <v>275</v>
      </c>
      <c r="D77" s="2" t="s">
        <v>276</v>
      </c>
      <c r="E77" s="2" t="s">
        <v>277</v>
      </c>
      <c r="F77" s="2" t="s">
        <v>278</v>
      </c>
      <c r="G77" s="3">
        <v>9</v>
      </c>
      <c r="H77" s="2" t="s">
        <v>94</v>
      </c>
      <c r="I77" s="3">
        <v>2015</v>
      </c>
      <c r="J77" s="2" t="s">
        <v>30</v>
      </c>
      <c r="K77" s="2"/>
      <c r="L77" s="2" t="s">
        <v>279</v>
      </c>
    </row>
    <row r="78" spans="1:12" ht="15.2" customHeight="1">
      <c r="A78" s="2" t="s">
        <v>210</v>
      </c>
      <c r="B78" s="2" t="s">
        <v>97</v>
      </c>
      <c r="C78" s="2" t="s">
        <v>280</v>
      </c>
      <c r="D78" s="2" t="s">
        <v>281</v>
      </c>
      <c r="E78" s="2" t="s">
        <v>277</v>
      </c>
      <c r="F78" s="2" t="s">
        <v>282</v>
      </c>
      <c r="G78" s="3">
        <v>1</v>
      </c>
      <c r="H78" s="2" t="s">
        <v>94</v>
      </c>
      <c r="I78" s="3">
        <v>2015</v>
      </c>
      <c r="J78" s="2" t="s">
        <v>30</v>
      </c>
      <c r="K78" s="2"/>
      <c r="L78" s="2" t="s">
        <v>283</v>
      </c>
    </row>
    <row r="79" spans="1:12" ht="15.2" customHeight="1">
      <c r="A79" s="2" t="s">
        <v>210</v>
      </c>
      <c r="B79" s="2" t="s">
        <v>101</v>
      </c>
      <c r="C79" s="2"/>
      <c r="D79" s="2" t="s">
        <v>284</v>
      </c>
      <c r="E79" s="2" t="s">
        <v>285</v>
      </c>
      <c r="F79" s="2" t="s">
        <v>286</v>
      </c>
      <c r="G79" s="3">
        <v>2</v>
      </c>
      <c r="H79" s="2" t="s">
        <v>29</v>
      </c>
      <c r="I79" s="3">
        <v>2020</v>
      </c>
      <c r="J79" s="2" t="s">
        <v>30</v>
      </c>
      <c r="K79" s="2"/>
      <c r="L79" s="2" t="s">
        <v>287</v>
      </c>
    </row>
    <row r="80" spans="1:12" ht="15.2" customHeight="1">
      <c r="A80" s="2" t="s">
        <v>210</v>
      </c>
      <c r="B80" s="2" t="s">
        <v>105</v>
      </c>
      <c r="C80" s="2"/>
      <c r="D80" s="2" t="s">
        <v>288</v>
      </c>
      <c r="E80" s="2" t="s">
        <v>285</v>
      </c>
      <c r="F80" s="2" t="s">
        <v>289</v>
      </c>
      <c r="G80" s="3">
        <v>3</v>
      </c>
      <c r="H80" s="2" t="s">
        <v>29</v>
      </c>
      <c r="I80" s="3">
        <v>2020</v>
      </c>
      <c r="J80" s="2" t="s">
        <v>30</v>
      </c>
      <c r="K80" s="2"/>
      <c r="L80" s="2" t="s">
        <v>290</v>
      </c>
    </row>
    <row r="81" spans="1:12" ht="15.2" customHeight="1">
      <c r="A81" s="2" t="s">
        <v>210</v>
      </c>
      <c r="B81" s="2" t="s">
        <v>109</v>
      </c>
      <c r="C81" s="2" t="s">
        <v>291</v>
      </c>
      <c r="D81" s="2" t="s">
        <v>292</v>
      </c>
      <c r="E81" s="2" t="s">
        <v>285</v>
      </c>
      <c r="F81" s="2" t="s">
        <v>293</v>
      </c>
      <c r="G81" s="3">
        <v>1</v>
      </c>
      <c r="H81" s="2" t="s">
        <v>29</v>
      </c>
      <c r="I81" s="3">
        <v>2018</v>
      </c>
      <c r="J81" s="2" t="s">
        <v>30</v>
      </c>
      <c r="K81" s="2"/>
      <c r="L81" s="2" t="s">
        <v>294</v>
      </c>
    </row>
    <row r="82" spans="1:12" ht="15.2" customHeight="1">
      <c r="A82" s="2" t="s">
        <v>210</v>
      </c>
      <c r="B82" s="2" t="s">
        <v>114</v>
      </c>
      <c r="C82" s="2" t="s">
        <v>295</v>
      </c>
      <c r="D82" s="2" t="s">
        <v>296</v>
      </c>
      <c r="E82" s="2" t="s">
        <v>285</v>
      </c>
      <c r="F82" s="2" t="s">
        <v>297</v>
      </c>
      <c r="G82" s="3">
        <v>2</v>
      </c>
      <c r="H82" s="2" t="s">
        <v>29</v>
      </c>
      <c r="I82" s="3">
        <v>2018</v>
      </c>
      <c r="J82" s="2" t="s">
        <v>30</v>
      </c>
      <c r="K82" s="2"/>
      <c r="L82" s="2" t="s">
        <v>298</v>
      </c>
    </row>
    <row r="83" spans="1:12" ht="15.2" customHeight="1">
      <c r="A83" s="2" t="s">
        <v>210</v>
      </c>
      <c r="B83" s="2" t="s">
        <v>119</v>
      </c>
      <c r="C83" s="2" t="s">
        <v>178</v>
      </c>
      <c r="D83" s="2" t="s">
        <v>179</v>
      </c>
      <c r="E83" s="2" t="s">
        <v>180</v>
      </c>
      <c r="F83" s="2" t="s">
        <v>181</v>
      </c>
      <c r="G83" s="3">
        <v>4</v>
      </c>
      <c r="H83" s="2" t="s">
        <v>94</v>
      </c>
      <c r="I83" s="3">
        <v>2011</v>
      </c>
      <c r="J83" s="2" t="s">
        <v>66</v>
      </c>
      <c r="K83" s="2"/>
      <c r="L83" s="2" t="s">
        <v>182</v>
      </c>
    </row>
    <row r="84" spans="1:12" ht="15.2" customHeight="1">
      <c r="A84" s="2" t="s">
        <v>210</v>
      </c>
      <c r="B84" s="2" t="s">
        <v>120</v>
      </c>
      <c r="C84" s="2" t="s">
        <v>184</v>
      </c>
      <c r="D84" s="2" t="s">
        <v>185</v>
      </c>
      <c r="E84" s="2" t="s">
        <v>180</v>
      </c>
      <c r="F84" s="2" t="s">
        <v>186</v>
      </c>
      <c r="G84" s="3">
        <v>5</v>
      </c>
      <c r="H84" s="2" t="s">
        <v>94</v>
      </c>
      <c r="I84" s="3">
        <v>2011</v>
      </c>
      <c r="J84" s="2" t="s">
        <v>66</v>
      </c>
      <c r="K84" s="2"/>
      <c r="L84" s="2" t="s">
        <v>187</v>
      </c>
    </row>
    <row r="85" spans="1:12" ht="15.2" customHeight="1">
      <c r="A85" s="2" t="s">
        <v>210</v>
      </c>
      <c r="B85" s="2" t="s">
        <v>121</v>
      </c>
      <c r="C85" s="2" t="s">
        <v>188</v>
      </c>
      <c r="D85" s="2" t="s">
        <v>189</v>
      </c>
      <c r="E85" s="2" t="s">
        <v>190</v>
      </c>
      <c r="F85" s="2" t="s">
        <v>191</v>
      </c>
      <c r="G85" s="3">
        <v>2</v>
      </c>
      <c r="H85" s="2" t="s">
        <v>94</v>
      </c>
      <c r="I85" s="3">
        <v>2015</v>
      </c>
      <c r="J85" s="2" t="s">
        <v>30</v>
      </c>
      <c r="K85" s="2"/>
      <c r="L85" s="2" t="s">
        <v>192</v>
      </c>
    </row>
    <row r="86" spans="1:12" ht="15.2" customHeight="1">
      <c r="A86" s="2" t="s">
        <v>210</v>
      </c>
      <c r="B86" s="2" t="s">
        <v>122</v>
      </c>
      <c r="C86" s="2" t="s">
        <v>193</v>
      </c>
      <c r="D86" s="2" t="s">
        <v>194</v>
      </c>
      <c r="E86" s="2" t="s">
        <v>190</v>
      </c>
      <c r="F86" s="2" t="s">
        <v>195</v>
      </c>
      <c r="G86" s="3">
        <v>6</v>
      </c>
      <c r="H86" s="2" t="s">
        <v>94</v>
      </c>
      <c r="I86" s="3">
        <v>2015</v>
      </c>
      <c r="J86" s="2" t="s">
        <v>30</v>
      </c>
      <c r="K86" s="2"/>
      <c r="L86" s="2" t="s">
        <v>196</v>
      </c>
    </row>
    <row r="87" spans="1:12" ht="15.2" customHeight="1">
      <c r="A87" s="2" t="s">
        <v>210</v>
      </c>
      <c r="B87" s="2" t="s">
        <v>123</v>
      </c>
      <c r="C87" s="2" t="s">
        <v>211</v>
      </c>
      <c r="D87" s="2" t="s">
        <v>212</v>
      </c>
      <c r="E87" s="2" t="s">
        <v>212</v>
      </c>
      <c r="F87" s="2" t="s">
        <v>213</v>
      </c>
      <c r="G87" s="3">
        <v>19</v>
      </c>
      <c r="H87" s="2" t="s">
        <v>214</v>
      </c>
      <c r="I87" s="3">
        <v>2019</v>
      </c>
      <c r="J87" s="2" t="s">
        <v>30</v>
      </c>
      <c r="K87" s="2"/>
      <c r="L87" s="2" t="s">
        <v>215</v>
      </c>
    </row>
    <row r="88" spans="1:12" ht="15.2" customHeight="1">
      <c r="A88" s="2" t="s">
        <v>210</v>
      </c>
      <c r="B88" s="2" t="s">
        <v>124</v>
      </c>
      <c r="C88" s="2" t="s">
        <v>216</v>
      </c>
      <c r="D88" s="2" t="s">
        <v>212</v>
      </c>
      <c r="E88" s="2" t="s">
        <v>212</v>
      </c>
      <c r="F88" s="2" t="s">
        <v>217</v>
      </c>
      <c r="G88" s="3">
        <v>20</v>
      </c>
      <c r="H88" s="2" t="s">
        <v>214</v>
      </c>
      <c r="I88" s="3">
        <v>2019</v>
      </c>
      <c r="J88" s="2" t="s">
        <v>30</v>
      </c>
      <c r="K88" s="2"/>
      <c r="L88" s="2" t="s">
        <v>218</v>
      </c>
    </row>
    <row r="89" spans="1:12" ht="15.2" customHeight="1">
      <c r="A89" s="2" t="s">
        <v>210</v>
      </c>
      <c r="B89" s="2" t="s">
        <v>125</v>
      </c>
      <c r="C89" s="2" t="s">
        <v>299</v>
      </c>
      <c r="D89" s="2" t="s">
        <v>300</v>
      </c>
      <c r="E89" s="2" t="s">
        <v>44</v>
      </c>
      <c r="F89" s="2" t="s">
        <v>301</v>
      </c>
      <c r="G89" s="3">
        <v>6</v>
      </c>
      <c r="H89" s="2" t="s">
        <v>94</v>
      </c>
      <c r="I89" s="3">
        <v>2006</v>
      </c>
      <c r="J89" s="2" t="s">
        <v>19</v>
      </c>
      <c r="K89" s="2"/>
      <c r="L89" s="2" t="s">
        <v>302</v>
      </c>
    </row>
    <row r="90" spans="1:12" ht="15.2" customHeight="1">
      <c r="A90" s="2" t="s">
        <v>210</v>
      </c>
      <c r="B90" s="2" t="s">
        <v>130</v>
      </c>
      <c r="C90" s="2" t="s">
        <v>228</v>
      </c>
      <c r="D90" s="2" t="s">
        <v>229</v>
      </c>
      <c r="E90" s="2" t="s">
        <v>44</v>
      </c>
      <c r="F90" s="2" t="s">
        <v>230</v>
      </c>
      <c r="G90" s="3">
        <v>1</v>
      </c>
      <c r="H90" s="2" t="s">
        <v>94</v>
      </c>
      <c r="I90" s="3">
        <v>2006</v>
      </c>
      <c r="J90" s="2" t="s">
        <v>19</v>
      </c>
      <c r="K90" s="2"/>
      <c r="L90" s="2" t="s">
        <v>231</v>
      </c>
    </row>
    <row r="91" spans="1:12" ht="15.2" customHeight="1">
      <c r="A91" s="2" t="s">
        <v>210</v>
      </c>
      <c r="B91" s="2" t="s">
        <v>137</v>
      </c>
      <c r="C91" s="2" t="s">
        <v>232</v>
      </c>
      <c r="D91" s="2" t="s">
        <v>233</v>
      </c>
      <c r="E91" s="2" t="s">
        <v>234</v>
      </c>
      <c r="F91" s="2" t="s">
        <v>235</v>
      </c>
      <c r="G91" s="3">
        <v>1</v>
      </c>
      <c r="H91" s="2" t="s">
        <v>94</v>
      </c>
      <c r="I91" s="3">
        <v>2015</v>
      </c>
      <c r="J91" s="2" t="s">
        <v>236</v>
      </c>
      <c r="K91" s="2" t="s">
        <v>237</v>
      </c>
      <c r="L91" s="2" t="s">
        <v>238</v>
      </c>
    </row>
    <row r="92" spans="1:12" ht="15.2" customHeight="1">
      <c r="A92" s="2" t="s">
        <v>303</v>
      </c>
      <c r="B92" s="2" t="s">
        <v>14</v>
      </c>
      <c r="C92" s="2" t="s">
        <v>304</v>
      </c>
      <c r="D92" s="2" t="s">
        <v>305</v>
      </c>
      <c r="E92" s="2" t="s">
        <v>306</v>
      </c>
      <c r="F92" s="2" t="s">
        <v>307</v>
      </c>
      <c r="G92" s="3">
        <v>10</v>
      </c>
      <c r="H92" s="2" t="s">
        <v>308</v>
      </c>
      <c r="I92" s="3">
        <v>2012</v>
      </c>
      <c r="J92" s="2" t="s">
        <v>66</v>
      </c>
      <c r="K92" s="2"/>
      <c r="L92" s="2" t="s">
        <v>309</v>
      </c>
    </row>
    <row r="93" spans="1:12" ht="15.2" customHeight="1">
      <c r="A93" s="2" t="s">
        <v>303</v>
      </c>
      <c r="B93" s="2" t="s">
        <v>21</v>
      </c>
      <c r="C93" s="2" t="s">
        <v>310</v>
      </c>
      <c r="D93" s="2" t="s">
        <v>311</v>
      </c>
      <c r="E93" s="2" t="s">
        <v>306</v>
      </c>
      <c r="F93" s="2" t="s">
        <v>312</v>
      </c>
      <c r="G93" s="3">
        <v>3</v>
      </c>
      <c r="H93" s="2" t="s">
        <v>308</v>
      </c>
      <c r="I93" s="3">
        <v>2012</v>
      </c>
      <c r="J93" s="2" t="s">
        <v>66</v>
      </c>
      <c r="K93" s="2"/>
      <c r="L93" s="2" t="s">
        <v>313</v>
      </c>
    </row>
    <row r="94" spans="1:12" ht="15.2" customHeight="1">
      <c r="A94" s="2" t="s">
        <v>303</v>
      </c>
      <c r="B94" s="2" t="s">
        <v>25</v>
      </c>
      <c r="C94" s="2" t="s">
        <v>314</v>
      </c>
      <c r="D94" s="2" t="s">
        <v>315</v>
      </c>
      <c r="E94" s="2" t="s">
        <v>221</v>
      </c>
      <c r="F94" s="2" t="s">
        <v>316</v>
      </c>
      <c r="G94" s="3">
        <v>1</v>
      </c>
      <c r="H94" s="2" t="s">
        <v>29</v>
      </c>
      <c r="I94" s="3">
        <v>2018</v>
      </c>
      <c r="J94" s="2" t="s">
        <v>30</v>
      </c>
      <c r="K94" s="2"/>
      <c r="L94" s="2" t="s">
        <v>317</v>
      </c>
    </row>
    <row r="95" spans="1:12" ht="15.2" customHeight="1">
      <c r="A95" s="2" t="s">
        <v>303</v>
      </c>
      <c r="B95" s="2" t="s">
        <v>32</v>
      </c>
      <c r="C95" s="2" t="s">
        <v>318</v>
      </c>
      <c r="D95" s="2" t="s">
        <v>319</v>
      </c>
      <c r="E95" s="2" t="s">
        <v>221</v>
      </c>
      <c r="F95" s="2" t="s">
        <v>320</v>
      </c>
      <c r="G95" s="3">
        <v>3</v>
      </c>
      <c r="H95" s="2" t="s">
        <v>94</v>
      </c>
      <c r="I95" s="3">
        <v>2017</v>
      </c>
      <c r="J95" s="2" t="s">
        <v>30</v>
      </c>
      <c r="K95" s="2"/>
      <c r="L95" s="2" t="s">
        <v>321</v>
      </c>
    </row>
    <row r="96" spans="1:12" ht="15.2" customHeight="1">
      <c r="A96" s="2" t="s">
        <v>303</v>
      </c>
      <c r="B96" s="2" t="s">
        <v>36</v>
      </c>
      <c r="C96" s="2" t="s">
        <v>322</v>
      </c>
      <c r="D96" s="2" t="s">
        <v>323</v>
      </c>
      <c r="E96" s="2" t="s">
        <v>44</v>
      </c>
      <c r="F96" s="2" t="s">
        <v>324</v>
      </c>
      <c r="G96" s="3">
        <v>7</v>
      </c>
      <c r="H96" s="2" t="s">
        <v>94</v>
      </c>
      <c r="I96" s="3">
        <v>2006</v>
      </c>
      <c r="J96" s="2" t="s">
        <v>19</v>
      </c>
      <c r="K96" s="2"/>
      <c r="L96" s="2" t="s">
        <v>325</v>
      </c>
    </row>
    <row r="97" spans="1:12" ht="15.2" customHeight="1">
      <c r="A97" s="2" t="s">
        <v>303</v>
      </c>
      <c r="B97" s="2" t="s">
        <v>42</v>
      </c>
      <c r="C97" s="2" t="s">
        <v>326</v>
      </c>
      <c r="D97" s="2" t="s">
        <v>327</v>
      </c>
      <c r="E97" s="2" t="s">
        <v>44</v>
      </c>
      <c r="F97" s="2" t="s">
        <v>328</v>
      </c>
      <c r="G97" s="3">
        <v>2</v>
      </c>
      <c r="H97" s="2" t="s">
        <v>94</v>
      </c>
      <c r="I97" s="3">
        <v>2006</v>
      </c>
      <c r="J97" s="2" t="s">
        <v>19</v>
      </c>
      <c r="K97" s="2"/>
      <c r="L97" s="2" t="s">
        <v>329</v>
      </c>
    </row>
    <row r="98" spans="1:12" ht="15.2" customHeight="1">
      <c r="A98" s="2" t="s">
        <v>303</v>
      </c>
      <c r="B98" s="2" t="s">
        <v>47</v>
      </c>
      <c r="C98" s="2" t="s">
        <v>330</v>
      </c>
      <c r="D98" s="2" t="s">
        <v>331</v>
      </c>
      <c r="E98" s="2" t="s">
        <v>234</v>
      </c>
      <c r="F98" s="2" t="s">
        <v>332</v>
      </c>
      <c r="G98" s="3">
        <v>2</v>
      </c>
      <c r="H98" s="2" t="s">
        <v>94</v>
      </c>
      <c r="I98" s="3">
        <v>2015</v>
      </c>
      <c r="J98" s="2" t="s">
        <v>236</v>
      </c>
      <c r="K98" s="2" t="s">
        <v>237</v>
      </c>
      <c r="L98" s="2" t="s">
        <v>333</v>
      </c>
    </row>
    <row r="99" spans="1:12" ht="15.2" customHeight="1">
      <c r="A99" s="2" t="s">
        <v>303</v>
      </c>
      <c r="B99" s="2" t="s">
        <v>51</v>
      </c>
      <c r="C99" s="2" t="s">
        <v>334</v>
      </c>
      <c r="D99" s="2" t="s">
        <v>335</v>
      </c>
      <c r="E99" s="2" t="s">
        <v>241</v>
      </c>
      <c r="F99" s="2" t="s">
        <v>336</v>
      </c>
      <c r="G99" s="3">
        <v>2</v>
      </c>
      <c r="H99" s="2" t="s">
        <v>94</v>
      </c>
      <c r="I99" s="3">
        <v>2018</v>
      </c>
      <c r="J99" s="2" t="s">
        <v>243</v>
      </c>
      <c r="K99" s="2" t="s">
        <v>244</v>
      </c>
      <c r="L99" s="2" t="s">
        <v>337</v>
      </c>
    </row>
    <row r="100" spans="1:12" ht="15.2" customHeight="1">
      <c r="A100" s="2" t="s">
        <v>303</v>
      </c>
      <c r="B100" s="2" t="s">
        <v>56</v>
      </c>
      <c r="C100" s="2"/>
      <c r="D100" s="2" t="s">
        <v>338</v>
      </c>
      <c r="E100" s="2" t="s">
        <v>339</v>
      </c>
      <c r="F100" s="2" t="s">
        <v>340</v>
      </c>
      <c r="G100" s="3">
        <v>6</v>
      </c>
      <c r="H100" s="2" t="s">
        <v>29</v>
      </c>
      <c r="I100" s="3">
        <v>2020</v>
      </c>
      <c r="J100" s="2" t="s">
        <v>30</v>
      </c>
      <c r="K100" s="2"/>
      <c r="L100" s="2" t="s">
        <v>341</v>
      </c>
    </row>
    <row r="101" spans="1:12" ht="15.2" customHeight="1">
      <c r="A101" s="2" t="s">
        <v>303</v>
      </c>
      <c r="B101" s="2" t="s">
        <v>61</v>
      </c>
      <c r="C101" s="2"/>
      <c r="D101" s="2" t="s">
        <v>342</v>
      </c>
      <c r="E101" s="2" t="s">
        <v>339</v>
      </c>
      <c r="F101" s="2" t="s">
        <v>343</v>
      </c>
      <c r="G101" s="3">
        <v>7</v>
      </c>
      <c r="H101" s="2" t="s">
        <v>29</v>
      </c>
      <c r="I101" s="3">
        <v>2020</v>
      </c>
      <c r="J101" s="2" t="s">
        <v>30</v>
      </c>
      <c r="K101" s="2"/>
      <c r="L101" s="2" t="s">
        <v>344</v>
      </c>
    </row>
    <row r="102" spans="1:12" ht="15.2" customHeight="1">
      <c r="A102" s="2" t="s">
        <v>303</v>
      </c>
      <c r="B102" s="2" t="s">
        <v>68</v>
      </c>
      <c r="C102" s="2"/>
      <c r="D102" s="2" t="s">
        <v>345</v>
      </c>
      <c r="E102" s="2" t="s">
        <v>339</v>
      </c>
      <c r="F102" s="2" t="s">
        <v>346</v>
      </c>
      <c r="G102" s="3">
        <v>8</v>
      </c>
      <c r="H102" s="2" t="s">
        <v>29</v>
      </c>
      <c r="I102" s="3">
        <v>2020</v>
      </c>
      <c r="J102" s="2" t="s">
        <v>30</v>
      </c>
      <c r="K102" s="2"/>
      <c r="L102" s="2" t="s">
        <v>347</v>
      </c>
    </row>
    <row r="103" spans="1:12" ht="15.2" customHeight="1">
      <c r="A103" s="2" t="s">
        <v>303</v>
      </c>
      <c r="B103" s="2" t="s">
        <v>73</v>
      </c>
      <c r="C103" s="2"/>
      <c r="D103" s="2" t="s">
        <v>348</v>
      </c>
      <c r="E103" s="2" t="s">
        <v>339</v>
      </c>
      <c r="F103" s="2" t="s">
        <v>349</v>
      </c>
      <c r="G103" s="3">
        <v>9</v>
      </c>
      <c r="H103" s="2" t="s">
        <v>29</v>
      </c>
      <c r="I103" s="3">
        <v>2020</v>
      </c>
      <c r="J103" s="2" t="s">
        <v>30</v>
      </c>
      <c r="K103" s="2"/>
      <c r="L103" s="2" t="s">
        <v>350</v>
      </c>
    </row>
    <row r="104" spans="1:12" ht="15.2" customHeight="1">
      <c r="A104" s="2" t="s">
        <v>303</v>
      </c>
      <c r="B104" s="2" t="s">
        <v>78</v>
      </c>
      <c r="C104" s="2"/>
      <c r="D104" s="2" t="s">
        <v>351</v>
      </c>
      <c r="E104" s="2" t="s">
        <v>339</v>
      </c>
      <c r="F104" s="2" t="s">
        <v>352</v>
      </c>
      <c r="G104" s="3">
        <v>10</v>
      </c>
      <c r="H104" s="2" t="s">
        <v>29</v>
      </c>
      <c r="I104" s="3">
        <v>2020</v>
      </c>
      <c r="J104" s="2" t="s">
        <v>30</v>
      </c>
      <c r="K104" s="2"/>
      <c r="L104" s="2" t="s">
        <v>353</v>
      </c>
    </row>
    <row r="105" spans="1:12" ht="15.2" customHeight="1">
      <c r="A105" s="2" t="s">
        <v>303</v>
      </c>
      <c r="B105" s="2" t="s">
        <v>83</v>
      </c>
      <c r="C105" s="2" t="s">
        <v>354</v>
      </c>
      <c r="D105" s="2" t="s">
        <v>355</v>
      </c>
      <c r="E105" s="2" t="s">
        <v>267</v>
      </c>
      <c r="F105" s="2" t="s">
        <v>356</v>
      </c>
      <c r="G105" s="3">
        <v>3</v>
      </c>
      <c r="H105" s="2" t="s">
        <v>357</v>
      </c>
      <c r="I105" s="3">
        <v>2016</v>
      </c>
      <c r="J105" s="2" t="s">
        <v>19</v>
      </c>
      <c r="K105" s="2"/>
      <c r="L105" s="2" t="s">
        <v>358</v>
      </c>
    </row>
    <row r="106" spans="1:12" ht="15.2" customHeight="1">
      <c r="A106" s="2" t="s">
        <v>303</v>
      </c>
      <c r="B106" s="2" t="s">
        <v>183</v>
      </c>
      <c r="C106" s="2" t="s">
        <v>359</v>
      </c>
      <c r="D106" s="2" t="s">
        <v>360</v>
      </c>
      <c r="E106" s="2" t="s">
        <v>272</v>
      </c>
      <c r="F106" s="2" t="s">
        <v>361</v>
      </c>
      <c r="G106" s="3">
        <v>6</v>
      </c>
      <c r="H106" s="2" t="s">
        <v>94</v>
      </c>
      <c r="I106" s="3">
        <v>2015</v>
      </c>
      <c r="J106" s="2" t="s">
        <v>66</v>
      </c>
      <c r="K106" s="2"/>
      <c r="L106" s="2" t="s">
        <v>362</v>
      </c>
    </row>
    <row r="107" spans="1:12" ht="15.2" customHeight="1">
      <c r="A107" s="2" t="s">
        <v>303</v>
      </c>
      <c r="B107" s="2" t="s">
        <v>90</v>
      </c>
      <c r="C107" s="2" t="s">
        <v>363</v>
      </c>
      <c r="D107" s="2" t="s">
        <v>364</v>
      </c>
      <c r="E107" s="2" t="s">
        <v>277</v>
      </c>
      <c r="F107" s="2" t="s">
        <v>365</v>
      </c>
      <c r="G107" s="3">
        <v>4</v>
      </c>
      <c r="H107" s="2" t="s">
        <v>94</v>
      </c>
      <c r="I107" s="3">
        <v>2015</v>
      </c>
      <c r="J107" s="2" t="s">
        <v>30</v>
      </c>
      <c r="K107" s="2"/>
      <c r="L107" s="2" t="s">
        <v>366</v>
      </c>
    </row>
    <row r="108" spans="1:12" ht="15.2" customHeight="1">
      <c r="A108" s="2" t="s">
        <v>303</v>
      </c>
      <c r="B108" s="2" t="s">
        <v>97</v>
      </c>
      <c r="C108" s="2" t="s">
        <v>367</v>
      </c>
      <c r="D108" s="2" t="s">
        <v>368</v>
      </c>
      <c r="E108" s="2" t="s">
        <v>277</v>
      </c>
      <c r="F108" s="2" t="s">
        <v>369</v>
      </c>
      <c r="G108" s="3">
        <v>3</v>
      </c>
      <c r="H108" s="2" t="s">
        <v>94</v>
      </c>
      <c r="I108" s="3">
        <v>2015</v>
      </c>
      <c r="J108" s="2" t="s">
        <v>30</v>
      </c>
      <c r="K108" s="2"/>
      <c r="L108" s="2" t="s">
        <v>370</v>
      </c>
    </row>
    <row r="109" spans="1:12" ht="15.2" customHeight="1">
      <c r="A109" s="2" t="s">
        <v>303</v>
      </c>
      <c r="B109" s="2" t="s">
        <v>101</v>
      </c>
      <c r="C109" s="2" t="s">
        <v>371</v>
      </c>
      <c r="D109" s="2" t="s">
        <v>372</v>
      </c>
      <c r="E109" s="2" t="s">
        <v>373</v>
      </c>
      <c r="F109" s="2" t="s">
        <v>374</v>
      </c>
      <c r="G109" s="3">
        <v>1</v>
      </c>
      <c r="H109" s="2" t="s">
        <v>29</v>
      </c>
      <c r="I109" s="3">
        <v>2018</v>
      </c>
      <c r="J109" s="2" t="s">
        <v>30</v>
      </c>
      <c r="K109" s="2"/>
      <c r="L109" s="2" t="s">
        <v>375</v>
      </c>
    </row>
    <row r="110" spans="1:12" ht="15.2" customHeight="1">
      <c r="A110" s="2" t="s">
        <v>303</v>
      </c>
      <c r="B110" s="2" t="s">
        <v>105</v>
      </c>
      <c r="C110" s="2" t="s">
        <v>376</v>
      </c>
      <c r="D110" s="2" t="s">
        <v>377</v>
      </c>
      <c r="E110" s="2" t="s">
        <v>373</v>
      </c>
      <c r="F110" s="2" t="s">
        <v>378</v>
      </c>
      <c r="G110" s="3">
        <v>2</v>
      </c>
      <c r="H110" s="2" t="s">
        <v>29</v>
      </c>
      <c r="I110" s="3">
        <v>2018</v>
      </c>
      <c r="J110" s="2" t="s">
        <v>30</v>
      </c>
      <c r="K110" s="2"/>
      <c r="L110" s="2" t="s">
        <v>379</v>
      </c>
    </row>
    <row r="111" spans="1:12" ht="15.2" customHeight="1">
      <c r="A111" s="2" t="s">
        <v>303</v>
      </c>
      <c r="B111" s="2" t="s">
        <v>109</v>
      </c>
      <c r="C111" s="2" t="s">
        <v>380</v>
      </c>
      <c r="D111" s="2" t="s">
        <v>381</v>
      </c>
      <c r="E111" s="2" t="s">
        <v>382</v>
      </c>
      <c r="F111" s="2" t="s">
        <v>383</v>
      </c>
      <c r="G111" s="3">
        <v>1</v>
      </c>
      <c r="H111" s="2" t="s">
        <v>94</v>
      </c>
      <c r="I111" s="3">
        <v>2012</v>
      </c>
      <c r="J111" s="2" t="s">
        <v>66</v>
      </c>
      <c r="K111" s="2"/>
      <c r="L111" s="2" t="s">
        <v>384</v>
      </c>
    </row>
    <row r="112" spans="1:12" ht="15.2" customHeight="1">
      <c r="A112" s="2" t="s">
        <v>303</v>
      </c>
      <c r="B112" s="2" t="s">
        <v>114</v>
      </c>
      <c r="C112" s="2" t="s">
        <v>385</v>
      </c>
      <c r="D112" s="2" t="s">
        <v>386</v>
      </c>
      <c r="E112" s="2" t="s">
        <v>382</v>
      </c>
      <c r="F112" s="2" t="s">
        <v>387</v>
      </c>
      <c r="G112" s="3">
        <v>2</v>
      </c>
      <c r="H112" s="2" t="s">
        <v>94</v>
      </c>
      <c r="I112" s="3">
        <v>2012</v>
      </c>
      <c r="J112" s="2" t="s">
        <v>66</v>
      </c>
      <c r="K112" s="2"/>
      <c r="L112" s="2" t="s">
        <v>388</v>
      </c>
    </row>
    <row r="113" spans="1:12" ht="15.2" customHeight="1">
      <c r="A113" s="2" t="s">
        <v>303</v>
      </c>
      <c r="B113" s="2" t="s">
        <v>119</v>
      </c>
      <c r="C113" s="2" t="s">
        <v>62</v>
      </c>
      <c r="D113" s="2" t="s">
        <v>63</v>
      </c>
      <c r="E113" s="2" t="s">
        <v>64</v>
      </c>
      <c r="F113" s="2" t="s">
        <v>65</v>
      </c>
      <c r="G113" s="3">
        <v>5</v>
      </c>
      <c r="H113" s="2" t="s">
        <v>29</v>
      </c>
      <c r="I113" s="3">
        <v>2019</v>
      </c>
      <c r="J113" s="2" t="s">
        <v>66</v>
      </c>
      <c r="K113" s="2"/>
      <c r="L113" s="2" t="s">
        <v>67</v>
      </c>
    </row>
    <row r="114" spans="1:12" ht="15.2" customHeight="1">
      <c r="A114" s="2" t="s">
        <v>303</v>
      </c>
      <c r="B114" s="2" t="s">
        <v>120</v>
      </c>
      <c r="C114" s="2" t="s">
        <v>69</v>
      </c>
      <c r="D114" s="2" t="s">
        <v>70</v>
      </c>
      <c r="E114" s="2" t="s">
        <v>64</v>
      </c>
      <c r="F114" s="2" t="s">
        <v>71</v>
      </c>
      <c r="G114" s="3">
        <v>6</v>
      </c>
      <c r="H114" s="2" t="s">
        <v>29</v>
      </c>
      <c r="I114" s="3">
        <v>2019</v>
      </c>
      <c r="J114" s="2" t="s">
        <v>66</v>
      </c>
      <c r="K114" s="2"/>
      <c r="L114" s="2" t="s">
        <v>72</v>
      </c>
    </row>
    <row r="115" spans="1:12" ht="15.2" customHeight="1">
      <c r="A115" s="2" t="s">
        <v>303</v>
      </c>
      <c r="B115" s="2" t="s">
        <v>389</v>
      </c>
      <c r="C115" s="2" t="s">
        <v>74</v>
      </c>
      <c r="D115" s="2" t="s">
        <v>75</v>
      </c>
      <c r="E115" s="2" t="s">
        <v>64</v>
      </c>
      <c r="F115" s="2" t="s">
        <v>76</v>
      </c>
      <c r="G115" s="3">
        <v>7</v>
      </c>
      <c r="H115" s="2" t="s">
        <v>29</v>
      </c>
      <c r="I115" s="3">
        <v>2019</v>
      </c>
      <c r="J115" s="2" t="s">
        <v>66</v>
      </c>
      <c r="K115" s="2"/>
      <c r="L115" s="2" t="s">
        <v>77</v>
      </c>
    </row>
    <row r="116" spans="1:12" ht="15.2" customHeight="1">
      <c r="A116" s="2" t="s">
        <v>303</v>
      </c>
      <c r="B116" s="2" t="s">
        <v>122</v>
      </c>
      <c r="C116" s="2" t="s">
        <v>79</v>
      </c>
      <c r="D116" s="2" t="s">
        <v>80</v>
      </c>
      <c r="E116" s="2" t="s">
        <v>64</v>
      </c>
      <c r="F116" s="2" t="s">
        <v>81</v>
      </c>
      <c r="G116" s="3">
        <v>8</v>
      </c>
      <c r="H116" s="2" t="s">
        <v>29</v>
      </c>
      <c r="I116" s="3">
        <v>2019</v>
      </c>
      <c r="J116" s="2" t="s">
        <v>66</v>
      </c>
      <c r="K116" s="2"/>
      <c r="L116" s="2" t="s">
        <v>82</v>
      </c>
    </row>
    <row r="117" spans="1:12" ht="15.2" customHeight="1">
      <c r="A117" s="2" t="s">
        <v>303</v>
      </c>
      <c r="B117" s="2" t="s">
        <v>123</v>
      </c>
      <c r="C117" s="2" t="s">
        <v>304</v>
      </c>
      <c r="D117" s="2" t="s">
        <v>305</v>
      </c>
      <c r="E117" s="2" t="s">
        <v>306</v>
      </c>
      <c r="F117" s="2" t="s">
        <v>307</v>
      </c>
      <c r="G117" s="3">
        <v>10</v>
      </c>
      <c r="H117" s="2" t="s">
        <v>308</v>
      </c>
      <c r="I117" s="3">
        <v>2012</v>
      </c>
      <c r="J117" s="2" t="s">
        <v>66</v>
      </c>
      <c r="K117" s="2"/>
      <c r="L117" s="2" t="s">
        <v>309</v>
      </c>
    </row>
    <row r="118" spans="1:12" ht="15.2" customHeight="1">
      <c r="A118" s="2" t="s">
        <v>303</v>
      </c>
      <c r="B118" s="2" t="s">
        <v>124</v>
      </c>
      <c r="C118" s="2" t="s">
        <v>310</v>
      </c>
      <c r="D118" s="2" t="s">
        <v>311</v>
      </c>
      <c r="E118" s="2" t="s">
        <v>306</v>
      </c>
      <c r="F118" s="2" t="s">
        <v>312</v>
      </c>
      <c r="G118" s="3">
        <v>3</v>
      </c>
      <c r="H118" s="2" t="s">
        <v>308</v>
      </c>
      <c r="I118" s="3">
        <v>2012</v>
      </c>
      <c r="J118" s="2" t="s">
        <v>66</v>
      </c>
      <c r="K118" s="2"/>
      <c r="L118" s="2" t="s">
        <v>313</v>
      </c>
    </row>
    <row r="119" spans="1:12" ht="15.2" customHeight="1">
      <c r="A119" s="2" t="s">
        <v>303</v>
      </c>
      <c r="B119" s="2" t="s">
        <v>125</v>
      </c>
      <c r="C119" s="2" t="s">
        <v>322</v>
      </c>
      <c r="D119" s="2" t="s">
        <v>323</v>
      </c>
      <c r="E119" s="2" t="s">
        <v>44</v>
      </c>
      <c r="F119" s="2" t="s">
        <v>324</v>
      </c>
      <c r="G119" s="3">
        <v>7</v>
      </c>
      <c r="H119" s="2" t="s">
        <v>94</v>
      </c>
      <c r="I119" s="3">
        <v>2006</v>
      </c>
      <c r="J119" s="2" t="s">
        <v>19</v>
      </c>
      <c r="K119" s="2"/>
      <c r="L119" s="2" t="s">
        <v>325</v>
      </c>
    </row>
    <row r="120" spans="1:12" ht="15.2" customHeight="1">
      <c r="A120" s="2" t="s">
        <v>303</v>
      </c>
      <c r="B120" s="2" t="s">
        <v>130</v>
      </c>
      <c r="C120" s="2" t="s">
        <v>326</v>
      </c>
      <c r="D120" s="2" t="s">
        <v>327</v>
      </c>
      <c r="E120" s="2" t="s">
        <v>44</v>
      </c>
      <c r="F120" s="2" t="s">
        <v>328</v>
      </c>
      <c r="G120" s="3">
        <v>2</v>
      </c>
      <c r="H120" s="2" t="s">
        <v>94</v>
      </c>
      <c r="I120" s="3">
        <v>2006</v>
      </c>
      <c r="J120" s="2" t="s">
        <v>19</v>
      </c>
      <c r="K120" s="2"/>
      <c r="L120" s="2" t="s">
        <v>329</v>
      </c>
    </row>
    <row r="121" spans="1:12" ht="15.2" customHeight="1">
      <c r="A121" s="2" t="s">
        <v>303</v>
      </c>
      <c r="B121" s="2" t="s">
        <v>137</v>
      </c>
      <c r="C121" s="2" t="s">
        <v>330</v>
      </c>
      <c r="D121" s="2" t="s">
        <v>331</v>
      </c>
      <c r="E121" s="2" t="s">
        <v>234</v>
      </c>
      <c r="F121" s="2" t="s">
        <v>332</v>
      </c>
      <c r="G121" s="3">
        <v>2</v>
      </c>
      <c r="H121" s="2" t="s">
        <v>94</v>
      </c>
      <c r="I121" s="3">
        <v>2015</v>
      </c>
      <c r="J121" s="2" t="s">
        <v>236</v>
      </c>
      <c r="K121" s="2" t="s">
        <v>237</v>
      </c>
      <c r="L121" s="2" t="s">
        <v>333</v>
      </c>
    </row>
    <row r="122" spans="1:12" ht="15.2" customHeight="1">
      <c r="A122" s="2" t="s">
        <v>390</v>
      </c>
      <c r="B122" s="2" t="s">
        <v>14</v>
      </c>
      <c r="C122" s="2" t="s">
        <v>391</v>
      </c>
      <c r="D122" s="2" t="s">
        <v>392</v>
      </c>
      <c r="E122" s="2" t="s">
        <v>306</v>
      </c>
      <c r="F122" s="2" t="s">
        <v>393</v>
      </c>
      <c r="G122" s="3">
        <v>5</v>
      </c>
      <c r="H122" s="2" t="s">
        <v>308</v>
      </c>
      <c r="I122" s="3">
        <v>2012</v>
      </c>
      <c r="J122" s="2" t="s">
        <v>66</v>
      </c>
      <c r="K122" s="2"/>
      <c r="L122" s="2" t="s">
        <v>394</v>
      </c>
    </row>
    <row r="123" spans="1:12" ht="15.2" customHeight="1">
      <c r="A123" s="2" t="s">
        <v>390</v>
      </c>
      <c r="B123" s="2" t="s">
        <v>21</v>
      </c>
      <c r="C123" s="2" t="s">
        <v>395</v>
      </c>
      <c r="D123" s="2" t="s">
        <v>396</v>
      </c>
      <c r="E123" s="2" t="s">
        <v>306</v>
      </c>
      <c r="F123" s="2" t="s">
        <v>397</v>
      </c>
      <c r="G123" s="3">
        <v>4</v>
      </c>
      <c r="H123" s="2" t="s">
        <v>308</v>
      </c>
      <c r="I123" s="3">
        <v>2012</v>
      </c>
      <c r="J123" s="2" t="s">
        <v>66</v>
      </c>
      <c r="K123" s="2"/>
      <c r="L123" s="2" t="s">
        <v>398</v>
      </c>
    </row>
    <row r="124" spans="1:12" ht="15.2" customHeight="1">
      <c r="A124" s="2" t="s">
        <v>390</v>
      </c>
      <c r="B124" s="2" t="s">
        <v>25</v>
      </c>
      <c r="C124" s="2" t="s">
        <v>399</v>
      </c>
      <c r="D124" s="2" t="s">
        <v>400</v>
      </c>
      <c r="E124" s="2" t="s">
        <v>221</v>
      </c>
      <c r="F124" s="2" t="s">
        <v>401</v>
      </c>
      <c r="G124" s="3">
        <v>2</v>
      </c>
      <c r="H124" s="2" t="s">
        <v>29</v>
      </c>
      <c r="I124" s="3">
        <v>2018</v>
      </c>
      <c r="J124" s="2" t="s">
        <v>30</v>
      </c>
      <c r="K124" s="2"/>
      <c r="L124" s="2" t="s">
        <v>402</v>
      </c>
    </row>
    <row r="125" spans="1:12" ht="15.2" customHeight="1">
      <c r="A125" s="2" t="s">
        <v>390</v>
      </c>
      <c r="B125" s="2" t="s">
        <v>32</v>
      </c>
      <c r="C125" s="2" t="s">
        <v>403</v>
      </c>
      <c r="D125" s="2" t="s">
        <v>404</v>
      </c>
      <c r="E125" s="2" t="s">
        <v>221</v>
      </c>
      <c r="F125" s="2" t="s">
        <v>405</v>
      </c>
      <c r="G125" s="3">
        <v>4</v>
      </c>
      <c r="H125" s="2" t="s">
        <v>94</v>
      </c>
      <c r="I125" s="3">
        <v>2017</v>
      </c>
      <c r="J125" s="2" t="s">
        <v>30</v>
      </c>
      <c r="K125" s="2"/>
      <c r="L125" s="2" t="s">
        <v>406</v>
      </c>
    </row>
    <row r="126" spans="1:12" ht="15.2" customHeight="1">
      <c r="A126" s="2" t="s">
        <v>390</v>
      </c>
      <c r="B126" s="2" t="s">
        <v>36</v>
      </c>
      <c r="C126" s="2" t="s">
        <v>407</v>
      </c>
      <c r="D126" s="2" t="s">
        <v>408</v>
      </c>
      <c r="E126" s="2" t="s">
        <v>44</v>
      </c>
      <c r="F126" s="2" t="s">
        <v>409</v>
      </c>
      <c r="G126" s="3">
        <v>8</v>
      </c>
      <c r="H126" s="2" t="s">
        <v>94</v>
      </c>
      <c r="I126" s="3">
        <v>2006</v>
      </c>
      <c r="J126" s="2" t="s">
        <v>19</v>
      </c>
      <c r="K126" s="2"/>
      <c r="L126" s="2" t="s">
        <v>325</v>
      </c>
    </row>
    <row r="127" spans="1:12" ht="15.2" customHeight="1">
      <c r="A127" s="2" t="s">
        <v>390</v>
      </c>
      <c r="B127" s="2" t="s">
        <v>42</v>
      </c>
      <c r="C127" s="2" t="s">
        <v>410</v>
      </c>
      <c r="D127" s="2" t="s">
        <v>411</v>
      </c>
      <c r="E127" s="2" t="s">
        <v>44</v>
      </c>
      <c r="F127" s="2" t="s">
        <v>412</v>
      </c>
      <c r="G127" s="3">
        <v>3</v>
      </c>
      <c r="H127" s="2" t="s">
        <v>94</v>
      </c>
      <c r="I127" s="3">
        <v>2006</v>
      </c>
      <c r="J127" s="2" t="s">
        <v>19</v>
      </c>
      <c r="K127" s="2"/>
      <c r="L127" s="2" t="s">
        <v>413</v>
      </c>
    </row>
    <row r="128" spans="1:12" ht="15.2" customHeight="1">
      <c r="A128" s="2" t="s">
        <v>390</v>
      </c>
      <c r="B128" s="2" t="s">
        <v>47</v>
      </c>
      <c r="C128" s="2" t="s">
        <v>414</v>
      </c>
      <c r="D128" s="2" t="s">
        <v>415</v>
      </c>
      <c r="E128" s="2" t="s">
        <v>234</v>
      </c>
      <c r="F128" s="2" t="s">
        <v>416</v>
      </c>
      <c r="G128" s="3">
        <v>1</v>
      </c>
      <c r="H128" s="2" t="s">
        <v>94</v>
      </c>
      <c r="I128" s="3">
        <v>2018</v>
      </c>
      <c r="J128" s="2" t="s">
        <v>236</v>
      </c>
      <c r="K128" s="2"/>
      <c r="L128" s="2" t="s">
        <v>417</v>
      </c>
    </row>
    <row r="129" spans="1:12" ht="15.2" customHeight="1">
      <c r="A129" s="2" t="s">
        <v>390</v>
      </c>
      <c r="B129" s="2" t="s">
        <v>51</v>
      </c>
      <c r="C129" s="2" t="s">
        <v>418</v>
      </c>
      <c r="D129" s="2" t="s">
        <v>419</v>
      </c>
      <c r="E129" s="2" t="s">
        <v>241</v>
      </c>
      <c r="F129" s="2" t="s">
        <v>420</v>
      </c>
      <c r="G129" s="3">
        <v>3</v>
      </c>
      <c r="H129" s="2" t="s">
        <v>94</v>
      </c>
      <c r="I129" s="3">
        <v>2018</v>
      </c>
      <c r="J129" s="2" t="s">
        <v>243</v>
      </c>
      <c r="K129" s="2" t="s">
        <v>244</v>
      </c>
      <c r="L129" s="2" t="s">
        <v>421</v>
      </c>
    </row>
    <row r="130" spans="1:12" ht="15.2" customHeight="1">
      <c r="A130" s="2" t="s">
        <v>390</v>
      </c>
      <c r="B130" s="2" t="s">
        <v>56</v>
      </c>
      <c r="C130" s="2" t="s">
        <v>422</v>
      </c>
      <c r="D130" s="2" t="s">
        <v>423</v>
      </c>
      <c r="E130" s="2" t="s">
        <v>44</v>
      </c>
      <c r="F130" s="2" t="s">
        <v>424</v>
      </c>
      <c r="G130" s="3">
        <v>6</v>
      </c>
      <c r="H130" s="2" t="s">
        <v>29</v>
      </c>
      <c r="I130" s="3">
        <v>2019</v>
      </c>
      <c r="J130" s="2" t="s">
        <v>19</v>
      </c>
      <c r="K130" s="2"/>
      <c r="L130" s="2" t="s">
        <v>425</v>
      </c>
    </row>
    <row r="131" spans="1:12" ht="15.2" customHeight="1">
      <c r="A131" s="2" t="s">
        <v>390</v>
      </c>
      <c r="B131" s="2" t="s">
        <v>61</v>
      </c>
      <c r="C131" s="2" t="s">
        <v>426</v>
      </c>
      <c r="D131" s="2" t="s">
        <v>427</v>
      </c>
      <c r="E131" s="2" t="s">
        <v>44</v>
      </c>
      <c r="F131" s="2" t="s">
        <v>428</v>
      </c>
      <c r="G131" s="3">
        <v>7</v>
      </c>
      <c r="H131" s="2" t="s">
        <v>29</v>
      </c>
      <c r="I131" s="3">
        <v>2019</v>
      </c>
      <c r="J131" s="2" t="s">
        <v>19</v>
      </c>
      <c r="K131" s="2"/>
      <c r="L131" s="2" t="s">
        <v>429</v>
      </c>
    </row>
    <row r="132" spans="1:12" ht="15.2" customHeight="1">
      <c r="A132" s="2" t="s">
        <v>390</v>
      </c>
      <c r="B132" s="2" t="s">
        <v>68</v>
      </c>
      <c r="C132" s="2" t="s">
        <v>430</v>
      </c>
      <c r="D132" s="2" t="s">
        <v>431</v>
      </c>
      <c r="E132" s="2" t="s">
        <v>44</v>
      </c>
      <c r="F132" s="2" t="s">
        <v>432</v>
      </c>
      <c r="G132" s="3">
        <v>8</v>
      </c>
      <c r="H132" s="2" t="s">
        <v>29</v>
      </c>
      <c r="I132" s="3">
        <v>2019</v>
      </c>
      <c r="J132" s="2" t="s">
        <v>19</v>
      </c>
      <c r="K132" s="2"/>
      <c r="L132" s="2" t="s">
        <v>433</v>
      </c>
    </row>
    <row r="133" spans="1:12" ht="15.2" customHeight="1">
      <c r="A133" s="2" t="s">
        <v>390</v>
      </c>
      <c r="B133" s="2" t="s">
        <v>73</v>
      </c>
      <c r="C133" s="2" t="s">
        <v>434</v>
      </c>
      <c r="D133" s="2" t="s">
        <v>435</v>
      </c>
      <c r="E133" s="2" t="s">
        <v>44</v>
      </c>
      <c r="F133" s="2" t="s">
        <v>436</v>
      </c>
      <c r="G133" s="3">
        <v>9</v>
      </c>
      <c r="H133" s="2" t="s">
        <v>29</v>
      </c>
      <c r="I133" s="3">
        <v>2019</v>
      </c>
      <c r="J133" s="2" t="s">
        <v>19</v>
      </c>
      <c r="K133" s="2"/>
      <c r="L133" s="2" t="s">
        <v>437</v>
      </c>
    </row>
    <row r="134" spans="1:12" ht="15.2" customHeight="1">
      <c r="A134" s="2" t="s">
        <v>390</v>
      </c>
      <c r="B134" s="2" t="s">
        <v>78</v>
      </c>
      <c r="C134" s="2" t="s">
        <v>438</v>
      </c>
      <c r="D134" s="2" t="s">
        <v>439</v>
      </c>
      <c r="E134" s="2" t="s">
        <v>44</v>
      </c>
      <c r="F134" s="2" t="s">
        <v>440</v>
      </c>
      <c r="G134" s="3">
        <v>10</v>
      </c>
      <c r="H134" s="2" t="s">
        <v>29</v>
      </c>
      <c r="I134" s="3">
        <v>2019</v>
      </c>
      <c r="J134" s="2" t="s">
        <v>19</v>
      </c>
      <c r="K134" s="2"/>
      <c r="L134" s="2" t="s">
        <v>441</v>
      </c>
    </row>
    <row r="135" spans="1:12" ht="15.2" customHeight="1">
      <c r="A135" s="2" t="s">
        <v>390</v>
      </c>
      <c r="B135" s="2" t="s">
        <v>83</v>
      </c>
      <c r="C135" s="2" t="s">
        <v>442</v>
      </c>
      <c r="D135" s="2" t="s">
        <v>443</v>
      </c>
      <c r="E135" s="2" t="s">
        <v>267</v>
      </c>
      <c r="F135" s="2" t="s">
        <v>444</v>
      </c>
      <c r="G135" s="3">
        <v>4</v>
      </c>
      <c r="H135" s="2" t="s">
        <v>94</v>
      </c>
      <c r="I135" s="3">
        <v>2016</v>
      </c>
      <c r="J135" s="2" t="s">
        <v>19</v>
      </c>
      <c r="K135" s="2"/>
      <c r="L135" s="2" t="s">
        <v>445</v>
      </c>
    </row>
    <row r="136" spans="1:12" ht="15.2" customHeight="1">
      <c r="A136" s="2" t="s">
        <v>390</v>
      </c>
      <c r="B136" s="2" t="s">
        <v>183</v>
      </c>
      <c r="C136" s="2" t="s">
        <v>446</v>
      </c>
      <c r="D136" s="2" t="s">
        <v>447</v>
      </c>
      <c r="E136" s="2" t="s">
        <v>272</v>
      </c>
      <c r="F136" s="2" t="s">
        <v>448</v>
      </c>
      <c r="G136" s="3">
        <v>7</v>
      </c>
      <c r="H136" s="2" t="s">
        <v>94</v>
      </c>
      <c r="I136" s="3">
        <v>2015</v>
      </c>
      <c r="J136" s="2" t="s">
        <v>66</v>
      </c>
      <c r="K136" s="2"/>
      <c r="L136" s="2" t="s">
        <v>449</v>
      </c>
    </row>
    <row r="137" spans="1:12" ht="15.2" customHeight="1">
      <c r="A137" s="2" t="s">
        <v>390</v>
      </c>
      <c r="B137" s="2" t="s">
        <v>90</v>
      </c>
      <c r="C137" s="2" t="s">
        <v>450</v>
      </c>
      <c r="D137" s="2" t="s">
        <v>451</v>
      </c>
      <c r="E137" s="2" t="s">
        <v>277</v>
      </c>
      <c r="F137" s="2" t="s">
        <v>452</v>
      </c>
      <c r="G137" s="3">
        <v>5</v>
      </c>
      <c r="H137" s="2" t="s">
        <v>94</v>
      </c>
      <c r="I137" s="3">
        <v>2015</v>
      </c>
      <c r="J137" s="2" t="s">
        <v>30</v>
      </c>
      <c r="K137" s="2"/>
      <c r="L137" s="2" t="s">
        <v>279</v>
      </c>
    </row>
    <row r="138" spans="1:12" ht="15.2" customHeight="1">
      <c r="A138" s="2" t="s">
        <v>390</v>
      </c>
      <c r="B138" s="2" t="s">
        <v>97</v>
      </c>
      <c r="C138" s="2" t="s">
        <v>453</v>
      </c>
      <c r="D138" s="2" t="s">
        <v>454</v>
      </c>
      <c r="E138" s="2" t="s">
        <v>277</v>
      </c>
      <c r="F138" s="2" t="s">
        <v>455</v>
      </c>
      <c r="G138" s="3">
        <v>2</v>
      </c>
      <c r="H138" s="2" t="s">
        <v>94</v>
      </c>
      <c r="I138" s="3">
        <v>2015</v>
      </c>
      <c r="J138" s="2" t="s">
        <v>30</v>
      </c>
      <c r="K138" s="2"/>
      <c r="L138" s="2" t="s">
        <v>456</v>
      </c>
    </row>
    <row r="139" spans="1:12" ht="15.2" customHeight="1">
      <c r="A139" s="2" t="s">
        <v>390</v>
      </c>
      <c r="B139" s="2" t="s">
        <v>101</v>
      </c>
      <c r="C139" s="2"/>
      <c r="D139" s="2" t="s">
        <v>457</v>
      </c>
      <c r="E139" s="2" t="s">
        <v>147</v>
      </c>
      <c r="F139" s="2" t="s">
        <v>458</v>
      </c>
      <c r="G139" s="3">
        <v>3</v>
      </c>
      <c r="H139" s="2" t="s">
        <v>29</v>
      </c>
      <c r="I139" s="3">
        <v>2020</v>
      </c>
      <c r="J139" s="2" t="s">
        <v>66</v>
      </c>
      <c r="K139" s="2"/>
      <c r="L139" s="2" t="s">
        <v>459</v>
      </c>
    </row>
    <row r="140" spans="1:12" ht="15.2" customHeight="1">
      <c r="A140" s="2" t="s">
        <v>390</v>
      </c>
      <c r="B140" s="2" t="s">
        <v>105</v>
      </c>
      <c r="C140" s="2"/>
      <c r="D140" s="2" t="s">
        <v>460</v>
      </c>
      <c r="E140" s="2" t="s">
        <v>147</v>
      </c>
      <c r="F140" s="2" t="s">
        <v>461</v>
      </c>
      <c r="G140" s="3">
        <v>4</v>
      </c>
      <c r="H140" s="2" t="s">
        <v>29</v>
      </c>
      <c r="I140" s="3">
        <v>2020</v>
      </c>
      <c r="J140" s="2" t="s">
        <v>66</v>
      </c>
      <c r="K140" s="2"/>
      <c r="L140" s="2" t="s">
        <v>462</v>
      </c>
    </row>
    <row r="141" spans="1:12" ht="15.2" customHeight="1">
      <c r="A141" s="2" t="s">
        <v>390</v>
      </c>
      <c r="B141" s="2" t="s">
        <v>109</v>
      </c>
      <c r="C141" s="2" t="s">
        <v>463</v>
      </c>
      <c r="D141" s="2" t="s">
        <v>464</v>
      </c>
      <c r="E141" s="2" t="s">
        <v>465</v>
      </c>
      <c r="F141" s="2" t="s">
        <v>466</v>
      </c>
      <c r="G141" s="3">
        <v>6</v>
      </c>
      <c r="H141" s="2" t="s">
        <v>94</v>
      </c>
      <c r="I141" s="3">
        <v>2006</v>
      </c>
      <c r="J141" s="2" t="s">
        <v>30</v>
      </c>
      <c r="K141" s="2"/>
      <c r="L141" s="2" t="s">
        <v>467</v>
      </c>
    </row>
    <row r="142" spans="1:12" ht="15.2" customHeight="1">
      <c r="A142" s="2" t="s">
        <v>390</v>
      </c>
      <c r="B142" s="2" t="s">
        <v>114</v>
      </c>
      <c r="C142" s="2" t="s">
        <v>468</v>
      </c>
      <c r="D142" s="2" t="s">
        <v>469</v>
      </c>
      <c r="E142" s="2" t="s">
        <v>465</v>
      </c>
      <c r="F142" s="2" t="s">
        <v>470</v>
      </c>
      <c r="G142" s="3">
        <v>10</v>
      </c>
      <c r="H142" s="2" t="s">
        <v>94</v>
      </c>
      <c r="I142" s="3">
        <v>2006</v>
      </c>
      <c r="J142" s="2" t="s">
        <v>30</v>
      </c>
      <c r="K142" s="2"/>
      <c r="L142" s="2" t="s">
        <v>471</v>
      </c>
    </row>
    <row r="143" spans="1:12" ht="15.2" customHeight="1">
      <c r="A143" s="2" t="s">
        <v>390</v>
      </c>
      <c r="B143" s="2" t="s">
        <v>119</v>
      </c>
      <c r="C143" s="2"/>
      <c r="D143" s="2" t="s">
        <v>146</v>
      </c>
      <c r="E143" s="2" t="s">
        <v>147</v>
      </c>
      <c r="F143" s="2" t="s">
        <v>148</v>
      </c>
      <c r="G143" s="3">
        <v>1</v>
      </c>
      <c r="H143" s="2" t="s">
        <v>29</v>
      </c>
      <c r="I143" s="3">
        <v>2020</v>
      </c>
      <c r="J143" s="2" t="s">
        <v>66</v>
      </c>
      <c r="K143" s="2"/>
      <c r="L143" s="2" t="s">
        <v>149</v>
      </c>
    </row>
    <row r="144" spans="1:12" ht="15.2" customHeight="1">
      <c r="A144" s="2" t="s">
        <v>390</v>
      </c>
      <c r="B144" s="2" t="s">
        <v>120</v>
      </c>
      <c r="C144" s="2"/>
      <c r="D144" s="2" t="s">
        <v>150</v>
      </c>
      <c r="E144" s="2" t="s">
        <v>147</v>
      </c>
      <c r="F144" s="2" t="s">
        <v>151</v>
      </c>
      <c r="G144" s="3">
        <v>2</v>
      </c>
      <c r="H144" s="2" t="s">
        <v>29</v>
      </c>
      <c r="I144" s="3">
        <v>2020</v>
      </c>
      <c r="J144" s="2" t="s">
        <v>66</v>
      </c>
      <c r="K144" s="2"/>
      <c r="L144" s="2" t="s">
        <v>152</v>
      </c>
    </row>
    <row r="145" spans="1:12" ht="15.2" customHeight="1">
      <c r="A145" s="2" t="s">
        <v>390</v>
      </c>
      <c r="B145" s="2" t="s">
        <v>121</v>
      </c>
      <c r="C145" s="2"/>
      <c r="D145" s="2" t="s">
        <v>153</v>
      </c>
      <c r="E145" s="2" t="s">
        <v>154</v>
      </c>
      <c r="F145" s="2" t="s">
        <v>154</v>
      </c>
      <c r="G145" s="3">
        <v>1</v>
      </c>
      <c r="H145" s="2" t="s">
        <v>29</v>
      </c>
      <c r="I145" s="3">
        <v>2020</v>
      </c>
      <c r="J145" s="2" t="s">
        <v>30</v>
      </c>
      <c r="K145" s="2"/>
      <c r="L145" s="2" t="s">
        <v>155</v>
      </c>
    </row>
    <row r="146" spans="1:12" ht="15.2" customHeight="1">
      <c r="A146" s="2" t="s">
        <v>390</v>
      </c>
      <c r="B146" s="2" t="s">
        <v>122</v>
      </c>
      <c r="C146" s="2" t="s">
        <v>472</v>
      </c>
      <c r="D146" s="2" t="s">
        <v>473</v>
      </c>
      <c r="E146" s="2" t="s">
        <v>474</v>
      </c>
      <c r="F146" s="2" t="s">
        <v>474</v>
      </c>
      <c r="G146" s="3">
        <v>1</v>
      </c>
      <c r="H146" s="2" t="s">
        <v>29</v>
      </c>
      <c r="I146" s="3">
        <v>2018</v>
      </c>
      <c r="J146" s="2" t="s">
        <v>475</v>
      </c>
      <c r="K146" s="2"/>
      <c r="L146" s="2" t="s">
        <v>476</v>
      </c>
    </row>
    <row r="147" spans="1:12" ht="15.2" customHeight="1">
      <c r="A147" s="2" t="s">
        <v>390</v>
      </c>
      <c r="B147" s="2" t="s">
        <v>123</v>
      </c>
      <c r="C147" s="2" t="s">
        <v>391</v>
      </c>
      <c r="D147" s="2" t="s">
        <v>392</v>
      </c>
      <c r="E147" s="2" t="s">
        <v>306</v>
      </c>
      <c r="F147" s="2" t="s">
        <v>393</v>
      </c>
      <c r="G147" s="3">
        <v>5</v>
      </c>
      <c r="H147" s="2" t="s">
        <v>308</v>
      </c>
      <c r="I147" s="3">
        <v>2012</v>
      </c>
      <c r="J147" s="2" t="s">
        <v>66</v>
      </c>
      <c r="K147" s="2"/>
      <c r="L147" s="2" t="s">
        <v>394</v>
      </c>
    </row>
    <row r="148" spans="1:12" ht="15.2" customHeight="1">
      <c r="A148" s="2" t="s">
        <v>390</v>
      </c>
      <c r="B148" s="2" t="s">
        <v>124</v>
      </c>
      <c r="C148" s="2" t="s">
        <v>395</v>
      </c>
      <c r="D148" s="2" t="s">
        <v>396</v>
      </c>
      <c r="E148" s="2" t="s">
        <v>306</v>
      </c>
      <c r="F148" s="2" t="s">
        <v>397</v>
      </c>
      <c r="G148" s="3">
        <v>4</v>
      </c>
      <c r="H148" s="2" t="s">
        <v>308</v>
      </c>
      <c r="I148" s="3">
        <v>2012</v>
      </c>
      <c r="J148" s="2" t="s">
        <v>66</v>
      </c>
      <c r="K148" s="2"/>
      <c r="L148" s="2" t="s">
        <v>398</v>
      </c>
    </row>
    <row r="149" spans="1:12" ht="15.2" customHeight="1">
      <c r="A149" s="2" t="s">
        <v>390</v>
      </c>
      <c r="B149" s="2" t="s">
        <v>125</v>
      </c>
      <c r="C149" s="2" t="s">
        <v>407</v>
      </c>
      <c r="D149" s="2" t="s">
        <v>408</v>
      </c>
      <c r="E149" s="2" t="s">
        <v>44</v>
      </c>
      <c r="F149" s="2" t="s">
        <v>409</v>
      </c>
      <c r="G149" s="3">
        <v>8</v>
      </c>
      <c r="H149" s="2" t="s">
        <v>94</v>
      </c>
      <c r="I149" s="3">
        <v>2006</v>
      </c>
      <c r="J149" s="2" t="s">
        <v>19</v>
      </c>
      <c r="K149" s="2"/>
      <c r="L149" s="2" t="s">
        <v>325</v>
      </c>
    </row>
    <row r="150" spans="1:12" ht="15.2" customHeight="1">
      <c r="A150" s="2" t="s">
        <v>390</v>
      </c>
      <c r="B150" s="2" t="s">
        <v>130</v>
      </c>
      <c r="C150" s="2" t="s">
        <v>410</v>
      </c>
      <c r="D150" s="2" t="s">
        <v>411</v>
      </c>
      <c r="E150" s="2" t="s">
        <v>44</v>
      </c>
      <c r="F150" s="2" t="s">
        <v>412</v>
      </c>
      <c r="G150" s="3">
        <v>3</v>
      </c>
      <c r="H150" s="2" t="s">
        <v>94</v>
      </c>
      <c r="I150" s="3">
        <v>2006</v>
      </c>
      <c r="J150" s="2" t="s">
        <v>19</v>
      </c>
      <c r="K150" s="2"/>
      <c r="L150" s="2" t="s">
        <v>413</v>
      </c>
    </row>
    <row r="151" spans="1:12" ht="15.2" customHeight="1">
      <c r="A151" s="2" t="s">
        <v>390</v>
      </c>
      <c r="B151" s="2" t="s">
        <v>137</v>
      </c>
      <c r="C151" s="2" t="s">
        <v>414</v>
      </c>
      <c r="D151" s="2" t="s">
        <v>415</v>
      </c>
      <c r="E151" s="2" t="s">
        <v>234</v>
      </c>
      <c r="F151" s="2" t="s">
        <v>416</v>
      </c>
      <c r="G151" s="3">
        <v>1</v>
      </c>
      <c r="H151" s="2" t="s">
        <v>94</v>
      </c>
      <c r="I151" s="3">
        <v>2018</v>
      </c>
      <c r="J151" s="2" t="s">
        <v>236</v>
      </c>
      <c r="K151" s="2"/>
      <c r="L151" s="2" t="s">
        <v>417</v>
      </c>
    </row>
    <row r="152" spans="1:12" ht="15.2" customHeight="1">
      <c r="A152" s="2" t="s">
        <v>477</v>
      </c>
      <c r="B152" s="2" t="s">
        <v>14</v>
      </c>
      <c r="C152" s="2" t="s">
        <v>478</v>
      </c>
      <c r="D152" s="2" t="s">
        <v>479</v>
      </c>
      <c r="E152" s="2" t="s">
        <v>306</v>
      </c>
      <c r="F152" s="2" t="s">
        <v>480</v>
      </c>
      <c r="G152" s="3">
        <v>2</v>
      </c>
      <c r="H152" s="2" t="s">
        <v>308</v>
      </c>
      <c r="I152" s="3">
        <v>2012</v>
      </c>
      <c r="J152" s="2" t="s">
        <v>66</v>
      </c>
      <c r="K152" s="2"/>
      <c r="L152" s="2" t="s">
        <v>481</v>
      </c>
    </row>
    <row r="153" spans="1:12" ht="15.2" customHeight="1">
      <c r="A153" s="2" t="s">
        <v>477</v>
      </c>
      <c r="B153" s="2" t="s">
        <v>21</v>
      </c>
      <c r="C153" s="2" t="s">
        <v>482</v>
      </c>
      <c r="D153" s="2" t="s">
        <v>483</v>
      </c>
      <c r="E153" s="2" t="s">
        <v>306</v>
      </c>
      <c r="F153" s="2" t="s">
        <v>484</v>
      </c>
      <c r="G153" s="3">
        <v>1</v>
      </c>
      <c r="H153" s="2" t="s">
        <v>308</v>
      </c>
      <c r="I153" s="3">
        <v>2012</v>
      </c>
      <c r="J153" s="2" t="s">
        <v>66</v>
      </c>
      <c r="K153" s="2"/>
      <c r="L153" s="2" t="s">
        <v>485</v>
      </c>
    </row>
    <row r="154" spans="1:12" ht="15.2" customHeight="1">
      <c r="A154" s="2" t="s">
        <v>477</v>
      </c>
      <c r="B154" s="2" t="s">
        <v>25</v>
      </c>
      <c r="C154" s="2" t="s">
        <v>486</v>
      </c>
      <c r="D154" s="2" t="s">
        <v>487</v>
      </c>
      <c r="E154" s="2" t="s">
        <v>221</v>
      </c>
      <c r="F154" s="2" t="s">
        <v>488</v>
      </c>
      <c r="G154" s="3">
        <v>3</v>
      </c>
      <c r="H154" s="2" t="s">
        <v>29</v>
      </c>
      <c r="I154" s="3">
        <v>2018</v>
      </c>
      <c r="J154" s="2" t="s">
        <v>30</v>
      </c>
      <c r="K154" s="2"/>
      <c r="L154" s="2" t="s">
        <v>489</v>
      </c>
    </row>
    <row r="155" spans="1:12" ht="15.2" customHeight="1">
      <c r="A155" s="2" t="s">
        <v>477</v>
      </c>
      <c r="B155" s="2" t="s">
        <v>32</v>
      </c>
      <c r="C155" s="2" t="s">
        <v>490</v>
      </c>
      <c r="D155" s="2" t="s">
        <v>491</v>
      </c>
      <c r="E155" s="2" t="s">
        <v>221</v>
      </c>
      <c r="F155" s="2" t="s">
        <v>492</v>
      </c>
      <c r="G155" s="3">
        <v>2</v>
      </c>
      <c r="H155" s="2" t="s">
        <v>94</v>
      </c>
      <c r="I155" s="3">
        <v>2017</v>
      </c>
      <c r="J155" s="2" t="s">
        <v>30</v>
      </c>
      <c r="K155" s="2"/>
      <c r="L155" s="2" t="s">
        <v>493</v>
      </c>
    </row>
    <row r="156" spans="1:12" ht="15.2" customHeight="1">
      <c r="A156" s="2" t="s">
        <v>477</v>
      </c>
      <c r="B156" s="2" t="s">
        <v>36</v>
      </c>
      <c r="C156" s="2" t="s">
        <v>494</v>
      </c>
      <c r="D156" s="2" t="s">
        <v>495</v>
      </c>
      <c r="E156" s="2" t="s">
        <v>44</v>
      </c>
      <c r="F156" s="2" t="s">
        <v>496</v>
      </c>
      <c r="G156" s="3">
        <v>9</v>
      </c>
      <c r="H156" s="2" t="s">
        <v>94</v>
      </c>
      <c r="I156" s="3">
        <v>2006</v>
      </c>
      <c r="J156" s="2" t="s">
        <v>19</v>
      </c>
      <c r="K156" s="2"/>
      <c r="L156" s="2" t="s">
        <v>497</v>
      </c>
    </row>
    <row r="157" spans="1:12" ht="15.2" customHeight="1">
      <c r="A157" s="2" t="s">
        <v>477</v>
      </c>
      <c r="B157" s="2" t="s">
        <v>42</v>
      </c>
      <c r="C157" s="2" t="s">
        <v>498</v>
      </c>
      <c r="D157" s="2" t="s">
        <v>499</v>
      </c>
      <c r="E157" s="2" t="s">
        <v>44</v>
      </c>
      <c r="F157" s="2" t="s">
        <v>500</v>
      </c>
      <c r="G157" s="3">
        <v>4</v>
      </c>
      <c r="H157" s="2" t="s">
        <v>94</v>
      </c>
      <c r="I157" s="3">
        <v>2006</v>
      </c>
      <c r="J157" s="2" t="s">
        <v>19</v>
      </c>
      <c r="K157" s="2"/>
      <c r="L157" s="2" t="s">
        <v>501</v>
      </c>
    </row>
    <row r="158" spans="1:12" ht="15.2" customHeight="1">
      <c r="A158" s="2" t="s">
        <v>477</v>
      </c>
      <c r="B158" s="2" t="s">
        <v>47</v>
      </c>
      <c r="C158" s="2" t="s">
        <v>502</v>
      </c>
      <c r="D158" s="2" t="s">
        <v>503</v>
      </c>
      <c r="E158" s="2" t="s">
        <v>234</v>
      </c>
      <c r="F158" s="2" t="s">
        <v>504</v>
      </c>
      <c r="G158" s="3">
        <v>2</v>
      </c>
      <c r="H158" s="2" t="s">
        <v>94</v>
      </c>
      <c r="I158" s="3">
        <v>2018</v>
      </c>
      <c r="J158" s="2" t="s">
        <v>236</v>
      </c>
      <c r="K158" s="2"/>
      <c r="L158" s="2" t="s">
        <v>505</v>
      </c>
    </row>
    <row r="159" spans="1:12" ht="15.2" customHeight="1">
      <c r="A159" s="2" t="s">
        <v>477</v>
      </c>
      <c r="B159" s="2" t="s">
        <v>51</v>
      </c>
      <c r="C159" s="2" t="s">
        <v>506</v>
      </c>
      <c r="D159" s="2" t="s">
        <v>507</v>
      </c>
      <c r="E159" s="2" t="s">
        <v>241</v>
      </c>
      <c r="F159" s="2" t="s">
        <v>508</v>
      </c>
      <c r="G159" s="3">
        <v>4</v>
      </c>
      <c r="H159" s="2" t="s">
        <v>94</v>
      </c>
      <c r="I159" s="3">
        <v>2018</v>
      </c>
      <c r="J159" s="2" t="s">
        <v>243</v>
      </c>
      <c r="K159" s="2" t="s">
        <v>244</v>
      </c>
      <c r="L159" s="2" t="s">
        <v>509</v>
      </c>
    </row>
    <row r="160" spans="1:12" ht="15.2" customHeight="1">
      <c r="A160" s="2" t="s">
        <v>477</v>
      </c>
      <c r="B160" s="2" t="s">
        <v>56</v>
      </c>
      <c r="C160" s="2" t="s">
        <v>510</v>
      </c>
      <c r="D160" s="2" t="s">
        <v>511</v>
      </c>
      <c r="E160" s="2" t="s">
        <v>512</v>
      </c>
      <c r="F160" s="2" t="s">
        <v>513</v>
      </c>
      <c r="G160" s="3">
        <v>11</v>
      </c>
      <c r="H160" s="2" t="s">
        <v>214</v>
      </c>
      <c r="I160" s="3">
        <v>2018</v>
      </c>
      <c r="J160" s="2" t="s">
        <v>30</v>
      </c>
      <c r="K160" s="2"/>
      <c r="L160" s="2" t="s">
        <v>514</v>
      </c>
    </row>
    <row r="161" spans="1:12" ht="15.2" customHeight="1">
      <c r="A161" s="2" t="s">
        <v>477</v>
      </c>
      <c r="B161" s="2" t="s">
        <v>515</v>
      </c>
      <c r="C161" s="2" t="s">
        <v>516</v>
      </c>
      <c r="D161" s="2" t="s">
        <v>517</v>
      </c>
      <c r="E161" s="2" t="s">
        <v>512</v>
      </c>
      <c r="F161" s="2" t="s">
        <v>518</v>
      </c>
      <c r="G161" s="3">
        <v>12</v>
      </c>
      <c r="H161" s="2" t="s">
        <v>214</v>
      </c>
      <c r="I161" s="3">
        <v>2018</v>
      </c>
      <c r="J161" s="2" t="s">
        <v>30</v>
      </c>
      <c r="K161" s="2"/>
      <c r="L161" s="2" t="s">
        <v>519</v>
      </c>
    </row>
    <row r="162" spans="1:12" ht="15.2" customHeight="1">
      <c r="A162" s="2" t="s">
        <v>477</v>
      </c>
      <c r="B162" s="2" t="s">
        <v>61</v>
      </c>
      <c r="C162" s="2" t="s">
        <v>520</v>
      </c>
      <c r="D162" s="2" t="s">
        <v>521</v>
      </c>
      <c r="E162" s="2" t="s">
        <v>512</v>
      </c>
      <c r="F162" s="2" t="s">
        <v>522</v>
      </c>
      <c r="G162" s="3">
        <v>13</v>
      </c>
      <c r="H162" s="2" t="s">
        <v>214</v>
      </c>
      <c r="I162" s="3">
        <v>2018</v>
      </c>
      <c r="J162" s="2" t="s">
        <v>30</v>
      </c>
      <c r="K162" s="2"/>
      <c r="L162" s="2" t="s">
        <v>523</v>
      </c>
    </row>
    <row r="163" spans="1:12" ht="15.2" customHeight="1">
      <c r="A163" s="2" t="s">
        <v>477</v>
      </c>
      <c r="B163" s="2" t="s">
        <v>524</v>
      </c>
      <c r="C163" s="2" t="s">
        <v>525</v>
      </c>
      <c r="D163" s="2" t="s">
        <v>526</v>
      </c>
      <c r="E163" s="2" t="s">
        <v>512</v>
      </c>
      <c r="F163" s="2" t="s">
        <v>527</v>
      </c>
      <c r="G163" s="3">
        <v>14</v>
      </c>
      <c r="H163" s="2" t="s">
        <v>214</v>
      </c>
      <c r="I163" s="3">
        <v>2018</v>
      </c>
      <c r="J163" s="2" t="s">
        <v>30</v>
      </c>
      <c r="K163" s="2"/>
      <c r="L163" s="2" t="s">
        <v>528</v>
      </c>
    </row>
    <row r="164" spans="1:12" ht="15.2" customHeight="1">
      <c r="A164" s="2" t="s">
        <v>477</v>
      </c>
      <c r="B164" s="2" t="s">
        <v>68</v>
      </c>
      <c r="C164" s="2" t="s">
        <v>529</v>
      </c>
      <c r="D164" s="2" t="s">
        <v>530</v>
      </c>
      <c r="E164" s="2" t="s">
        <v>512</v>
      </c>
      <c r="F164" s="2" t="s">
        <v>531</v>
      </c>
      <c r="G164" s="3">
        <v>15</v>
      </c>
      <c r="H164" s="2" t="s">
        <v>214</v>
      </c>
      <c r="I164" s="3">
        <v>2018</v>
      </c>
      <c r="J164" s="2" t="s">
        <v>30</v>
      </c>
      <c r="K164" s="2"/>
      <c r="L164" s="2" t="s">
        <v>532</v>
      </c>
    </row>
    <row r="165" spans="1:12" ht="15.2" customHeight="1">
      <c r="A165" s="2" t="s">
        <v>477</v>
      </c>
      <c r="B165" s="2" t="s">
        <v>533</v>
      </c>
      <c r="C165" s="2" t="s">
        <v>534</v>
      </c>
      <c r="D165" s="2" t="s">
        <v>535</v>
      </c>
      <c r="E165" s="2" t="s">
        <v>512</v>
      </c>
      <c r="F165" s="2" t="s">
        <v>536</v>
      </c>
      <c r="G165" s="3">
        <v>16</v>
      </c>
      <c r="H165" s="2" t="s">
        <v>214</v>
      </c>
      <c r="I165" s="3">
        <v>2018</v>
      </c>
      <c r="J165" s="2" t="s">
        <v>30</v>
      </c>
      <c r="K165" s="2"/>
      <c r="L165" s="2" t="s">
        <v>537</v>
      </c>
    </row>
    <row r="166" spans="1:12" ht="15.2" customHeight="1">
      <c r="A166" s="2" t="s">
        <v>477</v>
      </c>
      <c r="B166" s="2" t="s">
        <v>73</v>
      </c>
      <c r="C166" s="2" t="s">
        <v>538</v>
      </c>
      <c r="D166" s="2" t="s">
        <v>539</v>
      </c>
      <c r="E166" s="2" t="s">
        <v>512</v>
      </c>
      <c r="F166" s="2" t="s">
        <v>540</v>
      </c>
      <c r="G166" s="3">
        <v>17</v>
      </c>
      <c r="H166" s="2" t="s">
        <v>214</v>
      </c>
      <c r="I166" s="3">
        <v>2018</v>
      </c>
      <c r="J166" s="2" t="s">
        <v>30</v>
      </c>
      <c r="K166" s="2"/>
      <c r="L166" s="2" t="s">
        <v>541</v>
      </c>
    </row>
    <row r="167" spans="1:12" ht="15.2" customHeight="1">
      <c r="A167" s="2" t="s">
        <v>477</v>
      </c>
      <c r="B167" s="2" t="s">
        <v>542</v>
      </c>
      <c r="C167" s="2" t="s">
        <v>543</v>
      </c>
      <c r="D167" s="2" t="s">
        <v>544</v>
      </c>
      <c r="E167" s="2" t="s">
        <v>512</v>
      </c>
      <c r="F167" s="2" t="s">
        <v>545</v>
      </c>
      <c r="G167" s="3">
        <v>18</v>
      </c>
      <c r="H167" s="2" t="s">
        <v>214</v>
      </c>
      <c r="I167" s="3">
        <v>2018</v>
      </c>
      <c r="J167" s="2" t="s">
        <v>30</v>
      </c>
      <c r="K167" s="2"/>
      <c r="L167" s="2" t="s">
        <v>537</v>
      </c>
    </row>
    <row r="168" spans="1:12" ht="15.2" customHeight="1">
      <c r="A168" s="2" t="s">
        <v>477</v>
      </c>
      <c r="B168" s="2" t="s">
        <v>78</v>
      </c>
      <c r="C168" s="2" t="s">
        <v>546</v>
      </c>
      <c r="D168" s="2" t="s">
        <v>547</v>
      </c>
      <c r="E168" s="2" t="s">
        <v>512</v>
      </c>
      <c r="F168" s="2" t="s">
        <v>548</v>
      </c>
      <c r="G168" s="3">
        <v>19</v>
      </c>
      <c r="H168" s="2" t="s">
        <v>214</v>
      </c>
      <c r="I168" s="3">
        <v>2018</v>
      </c>
      <c r="J168" s="2" t="s">
        <v>30</v>
      </c>
      <c r="K168" s="2"/>
      <c r="L168" s="2" t="s">
        <v>537</v>
      </c>
    </row>
    <row r="169" spans="1:12" ht="15.2" customHeight="1">
      <c r="A169" s="2" t="s">
        <v>477</v>
      </c>
      <c r="B169" s="2" t="s">
        <v>549</v>
      </c>
      <c r="C169" s="2" t="s">
        <v>550</v>
      </c>
      <c r="D169" s="2" t="s">
        <v>551</v>
      </c>
      <c r="E169" s="2" t="s">
        <v>512</v>
      </c>
      <c r="F169" s="2" t="s">
        <v>552</v>
      </c>
      <c r="G169" s="3">
        <v>20</v>
      </c>
      <c r="H169" s="2" t="s">
        <v>214</v>
      </c>
      <c r="I169" s="3">
        <v>2018</v>
      </c>
      <c r="J169" s="2" t="s">
        <v>30</v>
      </c>
      <c r="K169" s="2"/>
      <c r="L169" s="2" t="s">
        <v>537</v>
      </c>
    </row>
    <row r="170" spans="1:12" ht="15.2" customHeight="1">
      <c r="A170" s="2" t="s">
        <v>477</v>
      </c>
      <c r="B170" s="2" t="s">
        <v>83</v>
      </c>
      <c r="C170" s="2" t="s">
        <v>553</v>
      </c>
      <c r="D170" s="2" t="s">
        <v>554</v>
      </c>
      <c r="E170" s="2" t="s">
        <v>267</v>
      </c>
      <c r="F170" s="2" t="s">
        <v>555</v>
      </c>
      <c r="G170" s="3">
        <v>5</v>
      </c>
      <c r="H170" s="2" t="s">
        <v>94</v>
      </c>
      <c r="I170" s="3">
        <v>2016</v>
      </c>
      <c r="J170" s="2" t="s">
        <v>19</v>
      </c>
      <c r="K170" s="2"/>
      <c r="L170" s="2" t="s">
        <v>556</v>
      </c>
    </row>
    <row r="171" spans="1:12" ht="15.2" customHeight="1">
      <c r="A171" s="2" t="s">
        <v>477</v>
      </c>
      <c r="B171" s="2" t="s">
        <v>183</v>
      </c>
      <c r="C171" s="2" t="s">
        <v>557</v>
      </c>
      <c r="D171" s="2" t="s">
        <v>558</v>
      </c>
      <c r="E171" s="2" t="s">
        <v>272</v>
      </c>
      <c r="F171" s="2" t="s">
        <v>559</v>
      </c>
      <c r="G171" s="3">
        <v>8</v>
      </c>
      <c r="H171" s="2" t="s">
        <v>94</v>
      </c>
      <c r="I171" s="3">
        <v>2015</v>
      </c>
      <c r="J171" s="2" t="s">
        <v>66</v>
      </c>
      <c r="K171" s="2"/>
      <c r="L171" s="2" t="s">
        <v>560</v>
      </c>
    </row>
    <row r="172" spans="1:12" ht="15.2" customHeight="1">
      <c r="A172" s="2" t="s">
        <v>477</v>
      </c>
      <c r="B172" s="2" t="s">
        <v>90</v>
      </c>
      <c r="C172" s="2" t="s">
        <v>561</v>
      </c>
      <c r="D172" s="2" t="s">
        <v>562</v>
      </c>
      <c r="E172" s="2" t="s">
        <v>277</v>
      </c>
      <c r="F172" s="2" t="s">
        <v>563</v>
      </c>
      <c r="G172" s="3">
        <v>8</v>
      </c>
      <c r="H172" s="2" t="s">
        <v>94</v>
      </c>
      <c r="I172" s="3">
        <v>2015</v>
      </c>
      <c r="J172" s="2" t="s">
        <v>30</v>
      </c>
      <c r="K172" s="2"/>
      <c r="L172" s="2" t="s">
        <v>279</v>
      </c>
    </row>
    <row r="173" spans="1:12" ht="15.2" customHeight="1">
      <c r="A173" s="2" t="s">
        <v>477</v>
      </c>
      <c r="B173" s="2" t="s">
        <v>97</v>
      </c>
      <c r="C173" s="2" t="s">
        <v>564</v>
      </c>
      <c r="D173" s="2" t="s">
        <v>565</v>
      </c>
      <c r="E173" s="2" t="s">
        <v>277</v>
      </c>
      <c r="F173" s="2" t="s">
        <v>566</v>
      </c>
      <c r="G173" s="3">
        <v>6</v>
      </c>
      <c r="H173" s="2" t="s">
        <v>94</v>
      </c>
      <c r="I173" s="3">
        <v>2015</v>
      </c>
      <c r="J173" s="2" t="s">
        <v>30</v>
      </c>
      <c r="K173" s="2"/>
      <c r="L173" s="2" t="s">
        <v>279</v>
      </c>
    </row>
    <row r="174" spans="1:12" ht="15.2" customHeight="1">
      <c r="A174" s="2" t="s">
        <v>477</v>
      </c>
      <c r="B174" s="2" t="s">
        <v>101</v>
      </c>
      <c r="C174" s="2" t="s">
        <v>567</v>
      </c>
      <c r="D174" s="2" t="s">
        <v>568</v>
      </c>
      <c r="E174" s="2" t="s">
        <v>569</v>
      </c>
      <c r="F174" s="2" t="s">
        <v>570</v>
      </c>
      <c r="G174" s="3">
        <v>1</v>
      </c>
      <c r="H174" s="2" t="s">
        <v>29</v>
      </c>
      <c r="I174" s="3">
        <v>2010</v>
      </c>
      <c r="J174" s="2" t="s">
        <v>66</v>
      </c>
      <c r="K174" s="2"/>
      <c r="L174" s="2" t="s">
        <v>571</v>
      </c>
    </row>
    <row r="175" spans="1:12" ht="15.2" customHeight="1">
      <c r="A175" s="2" t="s">
        <v>477</v>
      </c>
      <c r="B175" s="2" t="s">
        <v>105</v>
      </c>
      <c r="C175" s="2" t="s">
        <v>572</v>
      </c>
      <c r="D175" s="2" t="s">
        <v>573</v>
      </c>
      <c r="E175" s="2" t="s">
        <v>569</v>
      </c>
      <c r="F175" s="2" t="s">
        <v>574</v>
      </c>
      <c r="G175" s="3">
        <v>2</v>
      </c>
      <c r="H175" s="2" t="s">
        <v>29</v>
      </c>
      <c r="I175" s="3">
        <v>2010</v>
      </c>
      <c r="J175" s="2" t="s">
        <v>66</v>
      </c>
      <c r="K175" s="2"/>
      <c r="L175" s="2" t="s">
        <v>575</v>
      </c>
    </row>
    <row r="176" spans="1:12" ht="15.2" customHeight="1">
      <c r="A176" s="2" t="s">
        <v>477</v>
      </c>
      <c r="B176" s="2" t="s">
        <v>109</v>
      </c>
      <c r="C176" s="2" t="s">
        <v>576</v>
      </c>
      <c r="D176" s="2" t="s">
        <v>577</v>
      </c>
      <c r="E176" s="2" t="s">
        <v>569</v>
      </c>
      <c r="F176" s="2" t="s">
        <v>578</v>
      </c>
      <c r="G176" s="3">
        <v>3</v>
      </c>
      <c r="H176" s="2" t="s">
        <v>29</v>
      </c>
      <c r="I176" s="3">
        <v>2010</v>
      </c>
      <c r="J176" s="2" t="s">
        <v>66</v>
      </c>
      <c r="K176" s="2"/>
      <c r="L176" s="2" t="s">
        <v>579</v>
      </c>
    </row>
    <row r="177" spans="1:12" ht="15.2" customHeight="1">
      <c r="A177" s="2" t="s">
        <v>477</v>
      </c>
      <c r="B177" s="2" t="s">
        <v>580</v>
      </c>
      <c r="C177" s="2"/>
      <c r="D177" s="2" t="s">
        <v>581</v>
      </c>
      <c r="E177" s="2" t="s">
        <v>175</v>
      </c>
      <c r="F177" s="2" t="s">
        <v>582</v>
      </c>
      <c r="G177" s="3">
        <v>6</v>
      </c>
      <c r="H177" s="2" t="s">
        <v>29</v>
      </c>
      <c r="I177" s="3">
        <v>2020</v>
      </c>
      <c r="J177" s="2" t="s">
        <v>66</v>
      </c>
      <c r="K177" s="2"/>
      <c r="L177" s="2" t="s">
        <v>583</v>
      </c>
    </row>
    <row r="178" spans="1:12" ht="15.2" customHeight="1">
      <c r="A178" s="2" t="s">
        <v>477</v>
      </c>
      <c r="B178" s="2" t="s">
        <v>119</v>
      </c>
      <c r="C178" s="2" t="s">
        <v>126</v>
      </c>
      <c r="D178" s="2" t="s">
        <v>127</v>
      </c>
      <c r="E178" s="2" t="s">
        <v>128</v>
      </c>
      <c r="F178" s="2" t="s">
        <v>128</v>
      </c>
      <c r="G178" s="3">
        <v>1</v>
      </c>
      <c r="H178" s="2" t="s">
        <v>29</v>
      </c>
      <c r="I178" s="3">
        <v>2019</v>
      </c>
      <c r="J178" s="2" t="s">
        <v>66</v>
      </c>
      <c r="K178" s="2"/>
      <c r="L178" s="2" t="s">
        <v>129</v>
      </c>
    </row>
    <row r="179" spans="1:12" ht="15.2" customHeight="1">
      <c r="A179" s="2" t="s">
        <v>477</v>
      </c>
      <c r="B179" s="2" t="s">
        <v>120</v>
      </c>
      <c r="C179" s="2" t="s">
        <v>131</v>
      </c>
      <c r="D179" s="2" t="s">
        <v>132</v>
      </c>
      <c r="E179" s="2" t="s">
        <v>133</v>
      </c>
      <c r="F179" s="2" t="s">
        <v>134</v>
      </c>
      <c r="G179" s="3">
        <v>1</v>
      </c>
      <c r="H179" s="2" t="s">
        <v>135</v>
      </c>
      <c r="I179" s="3">
        <v>2011</v>
      </c>
      <c r="J179" s="2" t="s">
        <v>66</v>
      </c>
      <c r="K179" s="2"/>
      <c r="L179" s="2" t="s">
        <v>136</v>
      </c>
    </row>
    <row r="180" spans="1:12" ht="15.2" customHeight="1">
      <c r="A180" s="2" t="s">
        <v>477</v>
      </c>
      <c r="B180" s="2" t="s">
        <v>121</v>
      </c>
      <c r="C180" s="2" t="s">
        <v>169</v>
      </c>
      <c r="D180" s="2" t="s">
        <v>170</v>
      </c>
      <c r="E180" s="2" t="s">
        <v>171</v>
      </c>
      <c r="F180" s="2" t="s">
        <v>172</v>
      </c>
      <c r="G180" s="3">
        <v>1</v>
      </c>
      <c r="H180" s="2" t="s">
        <v>135</v>
      </c>
      <c r="I180" s="3">
        <v>2009</v>
      </c>
      <c r="J180" s="2" t="s">
        <v>66</v>
      </c>
      <c r="K180" s="2"/>
      <c r="L180" s="2" t="s">
        <v>173</v>
      </c>
    </row>
    <row r="181" spans="1:12" ht="15.2" customHeight="1">
      <c r="A181" s="2" t="s">
        <v>477</v>
      </c>
      <c r="B181" s="2" t="s">
        <v>122</v>
      </c>
      <c r="C181" s="2"/>
      <c r="D181" s="2" t="s">
        <v>174</v>
      </c>
      <c r="E181" s="2" t="s">
        <v>175</v>
      </c>
      <c r="F181" s="2" t="s">
        <v>176</v>
      </c>
      <c r="G181" s="3">
        <v>5</v>
      </c>
      <c r="H181" s="2" t="s">
        <v>29</v>
      </c>
      <c r="I181" s="3">
        <v>2020</v>
      </c>
      <c r="J181" s="2" t="s">
        <v>66</v>
      </c>
      <c r="K181" s="2"/>
      <c r="L181" s="2" t="s">
        <v>177</v>
      </c>
    </row>
    <row r="182" spans="1:12" ht="15.2" customHeight="1">
      <c r="A182" s="2" t="s">
        <v>477</v>
      </c>
      <c r="B182" s="2" t="s">
        <v>123</v>
      </c>
      <c r="C182" s="2" t="s">
        <v>478</v>
      </c>
      <c r="D182" s="2" t="s">
        <v>479</v>
      </c>
      <c r="E182" s="2" t="s">
        <v>306</v>
      </c>
      <c r="F182" s="2" t="s">
        <v>480</v>
      </c>
      <c r="G182" s="3">
        <v>2</v>
      </c>
      <c r="H182" s="2" t="s">
        <v>308</v>
      </c>
      <c r="I182" s="3">
        <v>2012</v>
      </c>
      <c r="J182" s="2" t="s">
        <v>66</v>
      </c>
      <c r="K182" s="2"/>
      <c r="L182" s="2" t="s">
        <v>481</v>
      </c>
    </row>
    <row r="183" spans="1:12" ht="15.2" customHeight="1">
      <c r="A183" s="2" t="s">
        <v>477</v>
      </c>
      <c r="B183" s="2" t="s">
        <v>124</v>
      </c>
      <c r="C183" s="2" t="s">
        <v>482</v>
      </c>
      <c r="D183" s="2" t="s">
        <v>483</v>
      </c>
      <c r="E183" s="2" t="s">
        <v>306</v>
      </c>
      <c r="F183" s="2" t="s">
        <v>484</v>
      </c>
      <c r="G183" s="3">
        <v>1</v>
      </c>
      <c r="H183" s="2" t="s">
        <v>308</v>
      </c>
      <c r="I183" s="3">
        <v>2012</v>
      </c>
      <c r="J183" s="2" t="s">
        <v>66</v>
      </c>
      <c r="K183" s="2"/>
      <c r="L183" s="2" t="s">
        <v>485</v>
      </c>
    </row>
    <row r="184" spans="1:12" ht="15.2" customHeight="1">
      <c r="A184" s="2" t="s">
        <v>477</v>
      </c>
      <c r="B184" s="2" t="s">
        <v>125</v>
      </c>
      <c r="C184" s="2" t="s">
        <v>494</v>
      </c>
      <c r="D184" s="2" t="s">
        <v>495</v>
      </c>
      <c r="E184" s="2" t="s">
        <v>44</v>
      </c>
      <c r="F184" s="2" t="s">
        <v>496</v>
      </c>
      <c r="G184" s="3">
        <v>9</v>
      </c>
      <c r="H184" s="2" t="s">
        <v>94</v>
      </c>
      <c r="I184" s="3">
        <v>2006</v>
      </c>
      <c r="J184" s="2" t="s">
        <v>19</v>
      </c>
      <c r="K184" s="2"/>
      <c r="L184" s="2" t="s">
        <v>497</v>
      </c>
    </row>
    <row r="185" spans="1:12" ht="15.2" customHeight="1">
      <c r="A185" s="2" t="s">
        <v>477</v>
      </c>
      <c r="B185" s="2" t="s">
        <v>130</v>
      </c>
      <c r="C185" s="2" t="s">
        <v>498</v>
      </c>
      <c r="D185" s="2" t="s">
        <v>499</v>
      </c>
      <c r="E185" s="2" t="s">
        <v>44</v>
      </c>
      <c r="F185" s="2" t="s">
        <v>500</v>
      </c>
      <c r="G185" s="3">
        <v>4</v>
      </c>
      <c r="H185" s="2" t="s">
        <v>94</v>
      </c>
      <c r="I185" s="3">
        <v>2006</v>
      </c>
      <c r="J185" s="2" t="s">
        <v>19</v>
      </c>
      <c r="K185" s="2"/>
      <c r="L185" s="2" t="s">
        <v>501</v>
      </c>
    </row>
    <row r="186" spans="1:12" ht="15.2" customHeight="1">
      <c r="A186" s="2" t="s">
        <v>477</v>
      </c>
      <c r="B186" s="2" t="s">
        <v>137</v>
      </c>
      <c r="C186" s="2" t="s">
        <v>502</v>
      </c>
      <c r="D186" s="2" t="s">
        <v>503</v>
      </c>
      <c r="E186" s="2" t="s">
        <v>234</v>
      </c>
      <c r="F186" s="2" t="s">
        <v>504</v>
      </c>
      <c r="G186" s="3">
        <v>2</v>
      </c>
      <c r="H186" s="2" t="s">
        <v>94</v>
      </c>
      <c r="I186" s="3">
        <v>2018</v>
      </c>
      <c r="J186" s="2" t="s">
        <v>236</v>
      </c>
      <c r="K186" s="2"/>
      <c r="L186" s="2" t="s">
        <v>505</v>
      </c>
    </row>
    <row r="187" spans="1:12" ht="15.2" customHeight="1">
      <c r="A187" s="2" t="s">
        <v>584</v>
      </c>
      <c r="B187" s="2" t="s">
        <v>14</v>
      </c>
      <c r="C187" s="2" t="s">
        <v>585</v>
      </c>
      <c r="D187" s="2" t="s">
        <v>586</v>
      </c>
      <c r="E187" s="2" t="s">
        <v>306</v>
      </c>
      <c r="F187" s="2" t="s">
        <v>587</v>
      </c>
      <c r="G187" s="3">
        <v>6</v>
      </c>
      <c r="H187" s="2" t="s">
        <v>308</v>
      </c>
      <c r="I187" s="3">
        <v>2012</v>
      </c>
      <c r="J187" s="2" t="s">
        <v>66</v>
      </c>
      <c r="K187" s="2"/>
      <c r="L187" s="2" t="s">
        <v>588</v>
      </c>
    </row>
    <row r="188" spans="1:12" ht="15.2" customHeight="1">
      <c r="A188" s="2" t="s">
        <v>584</v>
      </c>
      <c r="B188" s="2" t="s">
        <v>21</v>
      </c>
      <c r="C188" s="2" t="s">
        <v>589</v>
      </c>
      <c r="D188" s="2" t="s">
        <v>590</v>
      </c>
      <c r="E188" s="2" t="s">
        <v>306</v>
      </c>
      <c r="F188" s="2" t="s">
        <v>591</v>
      </c>
      <c r="G188" s="3">
        <v>7</v>
      </c>
      <c r="H188" s="2" t="s">
        <v>308</v>
      </c>
      <c r="I188" s="3">
        <v>2012</v>
      </c>
      <c r="J188" s="2" t="s">
        <v>66</v>
      </c>
      <c r="K188" s="2"/>
      <c r="L188" s="2" t="s">
        <v>592</v>
      </c>
    </row>
    <row r="189" spans="1:12" ht="15.2" customHeight="1">
      <c r="A189" s="2" t="s">
        <v>584</v>
      </c>
      <c r="B189" s="2" t="s">
        <v>25</v>
      </c>
      <c r="C189" s="2" t="s">
        <v>593</v>
      </c>
      <c r="D189" s="2" t="s">
        <v>594</v>
      </c>
      <c r="E189" s="2" t="s">
        <v>221</v>
      </c>
      <c r="F189" s="2" t="s">
        <v>595</v>
      </c>
      <c r="G189" s="3">
        <v>4</v>
      </c>
      <c r="H189" s="2" t="s">
        <v>29</v>
      </c>
      <c r="I189" s="3">
        <v>2018</v>
      </c>
      <c r="J189" s="2" t="s">
        <v>30</v>
      </c>
      <c r="K189" s="2"/>
      <c r="L189" s="2" t="s">
        <v>596</v>
      </c>
    </row>
    <row r="190" spans="1:12" ht="15.2" customHeight="1">
      <c r="A190" s="2" t="s">
        <v>584</v>
      </c>
      <c r="B190" s="2" t="s">
        <v>32</v>
      </c>
      <c r="C190" s="2" t="s">
        <v>597</v>
      </c>
      <c r="D190" s="2" t="s">
        <v>598</v>
      </c>
      <c r="E190" s="2" t="s">
        <v>221</v>
      </c>
      <c r="F190" s="2" t="s">
        <v>599</v>
      </c>
      <c r="G190" s="3">
        <v>5</v>
      </c>
      <c r="H190" s="2" t="s">
        <v>94</v>
      </c>
      <c r="I190" s="3">
        <v>2017</v>
      </c>
      <c r="J190" s="2" t="s">
        <v>30</v>
      </c>
      <c r="K190" s="2"/>
      <c r="L190" s="2" t="s">
        <v>600</v>
      </c>
    </row>
    <row r="191" spans="1:12" ht="15.2" customHeight="1">
      <c r="A191" s="2" t="s">
        <v>584</v>
      </c>
      <c r="B191" s="2" t="s">
        <v>36</v>
      </c>
      <c r="C191" s="2" t="s">
        <v>601</v>
      </c>
      <c r="D191" s="2" t="s">
        <v>602</v>
      </c>
      <c r="E191" s="2" t="s">
        <v>44</v>
      </c>
      <c r="F191" s="2" t="s">
        <v>603</v>
      </c>
      <c r="G191" s="3">
        <v>10</v>
      </c>
      <c r="H191" s="2" t="s">
        <v>94</v>
      </c>
      <c r="I191" s="3">
        <v>2006</v>
      </c>
      <c r="J191" s="2" t="s">
        <v>19</v>
      </c>
      <c r="K191" s="2"/>
      <c r="L191" s="2" t="s">
        <v>604</v>
      </c>
    </row>
    <row r="192" spans="1:12" ht="15.2" customHeight="1">
      <c r="A192" s="2" t="s">
        <v>584</v>
      </c>
      <c r="B192" s="2" t="s">
        <v>42</v>
      </c>
      <c r="C192" s="2" t="s">
        <v>605</v>
      </c>
      <c r="D192" s="2" t="s">
        <v>602</v>
      </c>
      <c r="E192" s="2" t="s">
        <v>44</v>
      </c>
      <c r="F192" s="2" t="s">
        <v>606</v>
      </c>
      <c r="G192" s="3">
        <v>5</v>
      </c>
      <c r="H192" s="2" t="s">
        <v>94</v>
      </c>
      <c r="I192" s="3">
        <v>2006</v>
      </c>
      <c r="J192" s="2" t="s">
        <v>19</v>
      </c>
      <c r="K192" s="2"/>
      <c r="L192" s="2" t="s">
        <v>604</v>
      </c>
    </row>
    <row r="193" spans="1:12" ht="15.2" customHeight="1">
      <c r="A193" s="2" t="s">
        <v>584</v>
      </c>
      <c r="B193" s="2" t="s">
        <v>47</v>
      </c>
      <c r="C193" s="2" t="s">
        <v>607</v>
      </c>
      <c r="D193" s="2" t="s">
        <v>608</v>
      </c>
      <c r="E193" s="2" t="s">
        <v>609</v>
      </c>
      <c r="F193" s="2" t="s">
        <v>610</v>
      </c>
      <c r="G193" s="3">
        <v>1</v>
      </c>
      <c r="H193" s="2" t="s">
        <v>94</v>
      </c>
      <c r="I193" s="3">
        <v>2018</v>
      </c>
      <c r="J193" s="2" t="s">
        <v>236</v>
      </c>
      <c r="K193" s="2"/>
      <c r="L193" s="2" t="s">
        <v>611</v>
      </c>
    </row>
    <row r="194" spans="1:12" ht="15.2" customHeight="1">
      <c r="A194" s="2" t="s">
        <v>584</v>
      </c>
      <c r="B194" s="2" t="s">
        <v>51</v>
      </c>
      <c r="C194" s="2" t="s">
        <v>612</v>
      </c>
      <c r="D194" s="2" t="s">
        <v>613</v>
      </c>
      <c r="E194" s="2" t="s">
        <v>241</v>
      </c>
      <c r="F194" s="2" t="s">
        <v>614</v>
      </c>
      <c r="G194" s="3">
        <v>5</v>
      </c>
      <c r="H194" s="2" t="s">
        <v>94</v>
      </c>
      <c r="I194" s="3">
        <v>2018</v>
      </c>
      <c r="J194" s="2" t="s">
        <v>243</v>
      </c>
      <c r="K194" s="2" t="s">
        <v>244</v>
      </c>
      <c r="L194" s="2" t="s">
        <v>615</v>
      </c>
    </row>
    <row r="195" spans="1:12" ht="15.2" customHeight="1">
      <c r="A195" s="2" t="s">
        <v>584</v>
      </c>
      <c r="B195" s="2" t="s">
        <v>56</v>
      </c>
      <c r="C195" s="2"/>
      <c r="D195" s="2" t="s">
        <v>156</v>
      </c>
      <c r="E195" s="2" t="s">
        <v>157</v>
      </c>
      <c r="F195" s="2" t="s">
        <v>158</v>
      </c>
      <c r="G195" s="3">
        <v>5</v>
      </c>
      <c r="H195" s="2" t="s">
        <v>29</v>
      </c>
      <c r="I195" s="3">
        <v>2019</v>
      </c>
      <c r="J195" s="2" t="s">
        <v>30</v>
      </c>
      <c r="K195" s="2"/>
      <c r="L195" s="2" t="s">
        <v>159</v>
      </c>
    </row>
    <row r="196" spans="1:12" ht="15.2" customHeight="1">
      <c r="A196" s="2" t="s">
        <v>584</v>
      </c>
      <c r="B196" s="2" t="s">
        <v>61</v>
      </c>
      <c r="C196" s="2"/>
      <c r="D196" s="2" t="s">
        <v>160</v>
      </c>
      <c r="E196" s="2" t="s">
        <v>157</v>
      </c>
      <c r="F196" s="2" t="s">
        <v>161</v>
      </c>
      <c r="G196" s="3">
        <v>6</v>
      </c>
      <c r="H196" s="2" t="s">
        <v>29</v>
      </c>
      <c r="I196" s="3">
        <v>2019</v>
      </c>
      <c r="J196" s="2" t="s">
        <v>30</v>
      </c>
      <c r="K196" s="2"/>
      <c r="L196" s="2" t="s">
        <v>159</v>
      </c>
    </row>
    <row r="197" spans="1:12" ht="15.2" customHeight="1">
      <c r="A197" s="2" t="s">
        <v>584</v>
      </c>
      <c r="B197" s="2" t="s">
        <v>68</v>
      </c>
      <c r="C197" s="2" t="s">
        <v>616</v>
      </c>
      <c r="D197" s="2" t="s">
        <v>617</v>
      </c>
      <c r="E197" s="2" t="s">
        <v>618</v>
      </c>
      <c r="F197" s="2" t="s">
        <v>619</v>
      </c>
      <c r="G197" s="3">
        <v>1</v>
      </c>
      <c r="H197" s="2" t="s">
        <v>29</v>
      </c>
      <c r="I197" s="3">
        <v>2019</v>
      </c>
      <c r="J197" s="2" t="s">
        <v>30</v>
      </c>
      <c r="K197" s="2"/>
      <c r="L197" s="2" t="s">
        <v>620</v>
      </c>
    </row>
    <row r="198" spans="1:12" ht="15.2" customHeight="1">
      <c r="A198" s="2" t="s">
        <v>584</v>
      </c>
      <c r="B198" s="2" t="s">
        <v>73</v>
      </c>
      <c r="C198" s="2" t="s">
        <v>621</v>
      </c>
      <c r="D198" s="2" t="s">
        <v>622</v>
      </c>
      <c r="E198" s="2" t="s">
        <v>618</v>
      </c>
      <c r="F198" s="2" t="s">
        <v>623</v>
      </c>
      <c r="G198" s="3">
        <v>2</v>
      </c>
      <c r="H198" s="2" t="s">
        <v>29</v>
      </c>
      <c r="I198" s="3">
        <v>2019</v>
      </c>
      <c r="J198" s="2" t="s">
        <v>30</v>
      </c>
      <c r="K198" s="2"/>
      <c r="L198" s="2" t="s">
        <v>624</v>
      </c>
    </row>
    <row r="199" spans="1:12" ht="15.2" customHeight="1">
      <c r="A199" s="2" t="s">
        <v>584</v>
      </c>
      <c r="B199" s="2" t="s">
        <v>78</v>
      </c>
      <c r="C199" s="2" t="s">
        <v>625</v>
      </c>
      <c r="D199" s="2" t="s">
        <v>626</v>
      </c>
      <c r="E199" s="2" t="s">
        <v>618</v>
      </c>
      <c r="F199" s="2" t="s">
        <v>627</v>
      </c>
      <c r="G199" s="3">
        <v>3</v>
      </c>
      <c r="H199" s="2" t="s">
        <v>29</v>
      </c>
      <c r="I199" s="3">
        <v>2019</v>
      </c>
      <c r="J199" s="2" t="s">
        <v>30</v>
      </c>
      <c r="K199" s="2"/>
      <c r="L199" s="2" t="s">
        <v>628</v>
      </c>
    </row>
    <row r="200" spans="1:12" ht="15.2" customHeight="1">
      <c r="A200" s="2" t="s">
        <v>584</v>
      </c>
      <c r="B200" s="2" t="s">
        <v>83</v>
      </c>
      <c r="C200" s="2" t="s">
        <v>629</v>
      </c>
      <c r="D200" s="2" t="s">
        <v>630</v>
      </c>
      <c r="E200" s="2" t="s">
        <v>267</v>
      </c>
      <c r="F200" s="2" t="s">
        <v>631</v>
      </c>
      <c r="G200" s="3">
        <v>6</v>
      </c>
      <c r="H200" s="2" t="s">
        <v>94</v>
      </c>
      <c r="I200" s="3">
        <v>2016</v>
      </c>
      <c r="J200" s="2" t="s">
        <v>19</v>
      </c>
      <c r="K200" s="2"/>
      <c r="L200" s="2" t="s">
        <v>632</v>
      </c>
    </row>
    <row r="201" spans="1:12" ht="15.2" customHeight="1">
      <c r="A201" s="2" t="s">
        <v>584</v>
      </c>
      <c r="B201" s="2" t="s">
        <v>183</v>
      </c>
      <c r="C201" s="2" t="s">
        <v>633</v>
      </c>
      <c r="D201" s="2" t="s">
        <v>634</v>
      </c>
      <c r="E201" s="2" t="s">
        <v>267</v>
      </c>
      <c r="F201" s="2" t="s">
        <v>635</v>
      </c>
      <c r="G201" s="3">
        <v>1</v>
      </c>
      <c r="H201" s="2" t="s">
        <v>94</v>
      </c>
      <c r="I201" s="3">
        <v>2016</v>
      </c>
      <c r="J201" s="2" t="s">
        <v>19</v>
      </c>
      <c r="K201" s="2"/>
      <c r="L201" s="2" t="s">
        <v>636</v>
      </c>
    </row>
    <row r="202" spans="1:12" ht="15.2" customHeight="1">
      <c r="A202" s="2" t="s">
        <v>584</v>
      </c>
      <c r="B202" s="2" t="s">
        <v>90</v>
      </c>
      <c r="C202" s="2" t="s">
        <v>637</v>
      </c>
      <c r="D202" s="2" t="s">
        <v>638</v>
      </c>
      <c r="E202" s="2" t="s">
        <v>277</v>
      </c>
      <c r="F202" s="2" t="s">
        <v>639</v>
      </c>
      <c r="G202" s="3">
        <v>10</v>
      </c>
      <c r="H202" s="2" t="s">
        <v>94</v>
      </c>
      <c r="I202" s="3">
        <v>2015</v>
      </c>
      <c r="J202" s="2" t="s">
        <v>30</v>
      </c>
      <c r="K202" s="2"/>
      <c r="L202" s="2" t="s">
        <v>279</v>
      </c>
    </row>
    <row r="203" spans="1:12" ht="15.2" customHeight="1">
      <c r="A203" s="2" t="s">
        <v>584</v>
      </c>
      <c r="B203" s="2" t="s">
        <v>97</v>
      </c>
      <c r="C203" s="2" t="s">
        <v>640</v>
      </c>
      <c r="D203" s="2" t="s">
        <v>641</v>
      </c>
      <c r="E203" s="2" t="s">
        <v>277</v>
      </c>
      <c r="F203" s="2" t="s">
        <v>642</v>
      </c>
      <c r="G203" s="3">
        <v>7</v>
      </c>
      <c r="H203" s="2" t="s">
        <v>94</v>
      </c>
      <c r="I203" s="3">
        <v>2015</v>
      </c>
      <c r="J203" s="2" t="s">
        <v>30</v>
      </c>
      <c r="K203" s="2"/>
      <c r="L203" s="2" t="s">
        <v>279</v>
      </c>
    </row>
    <row r="204" spans="1:12" ht="15.2" customHeight="1">
      <c r="A204" s="2" t="s">
        <v>584</v>
      </c>
      <c r="B204" s="2" t="s">
        <v>101</v>
      </c>
      <c r="C204" s="2"/>
      <c r="D204" s="2" t="s">
        <v>643</v>
      </c>
      <c r="E204" s="2" t="s">
        <v>27</v>
      </c>
      <c r="F204" s="2" t="s">
        <v>644</v>
      </c>
      <c r="G204" s="3">
        <v>7</v>
      </c>
      <c r="H204" s="2" t="s">
        <v>29</v>
      </c>
      <c r="I204" s="3">
        <v>2021</v>
      </c>
      <c r="J204" s="2" t="s">
        <v>30</v>
      </c>
      <c r="K204" s="2"/>
      <c r="L204" s="2" t="s">
        <v>645</v>
      </c>
    </row>
    <row r="205" spans="1:12" ht="15.2" customHeight="1">
      <c r="A205" s="2" t="s">
        <v>584</v>
      </c>
      <c r="B205" s="2" t="s">
        <v>105</v>
      </c>
      <c r="C205" s="2"/>
      <c r="D205" s="2" t="s">
        <v>646</v>
      </c>
      <c r="E205" s="2" t="s">
        <v>27</v>
      </c>
      <c r="F205" s="2" t="s">
        <v>647</v>
      </c>
      <c r="G205" s="3">
        <v>9</v>
      </c>
      <c r="H205" s="2" t="s">
        <v>29</v>
      </c>
      <c r="I205" s="3">
        <v>2021</v>
      </c>
      <c r="J205" s="2" t="s">
        <v>30</v>
      </c>
      <c r="K205" s="2"/>
      <c r="L205" s="2" t="s">
        <v>648</v>
      </c>
    </row>
    <row r="206" spans="1:12" ht="15.2" customHeight="1">
      <c r="A206" s="2" t="s">
        <v>584</v>
      </c>
      <c r="B206" s="2" t="s">
        <v>109</v>
      </c>
      <c r="C206" s="2" t="s">
        <v>649</v>
      </c>
      <c r="D206" s="2" t="s">
        <v>650</v>
      </c>
      <c r="E206" s="2" t="s">
        <v>27</v>
      </c>
      <c r="F206" s="2" t="s">
        <v>651</v>
      </c>
      <c r="G206" s="3">
        <v>2</v>
      </c>
      <c r="H206" s="2" t="s">
        <v>40</v>
      </c>
      <c r="I206" s="3">
        <v>2018</v>
      </c>
      <c r="J206" s="2" t="s">
        <v>30</v>
      </c>
      <c r="K206" s="2"/>
      <c r="L206" s="2" t="s">
        <v>652</v>
      </c>
    </row>
    <row r="207" spans="1:12" ht="15.2" customHeight="1">
      <c r="A207" s="2" t="s">
        <v>584</v>
      </c>
      <c r="B207" s="2" t="s">
        <v>114</v>
      </c>
      <c r="C207" s="2" t="s">
        <v>653</v>
      </c>
      <c r="D207" s="2" t="s">
        <v>654</v>
      </c>
      <c r="E207" s="2" t="s">
        <v>27</v>
      </c>
      <c r="F207" s="2" t="s">
        <v>655</v>
      </c>
      <c r="G207" s="3">
        <v>6</v>
      </c>
      <c r="H207" s="2" t="s">
        <v>40</v>
      </c>
      <c r="I207" s="3">
        <v>2018</v>
      </c>
      <c r="J207" s="2" t="s">
        <v>30</v>
      </c>
      <c r="K207" s="2"/>
      <c r="L207" s="2" t="s">
        <v>656</v>
      </c>
    </row>
    <row r="208" spans="1:12" ht="15.2" customHeight="1">
      <c r="A208" s="2" t="s">
        <v>584</v>
      </c>
      <c r="B208" s="2" t="s">
        <v>119</v>
      </c>
      <c r="C208" s="2"/>
      <c r="D208" s="2" t="s">
        <v>26</v>
      </c>
      <c r="E208" s="2" t="s">
        <v>27</v>
      </c>
      <c r="F208" s="2" t="s">
        <v>28</v>
      </c>
      <c r="G208" s="3">
        <v>6</v>
      </c>
      <c r="H208" s="2" t="s">
        <v>29</v>
      </c>
      <c r="I208" s="3">
        <v>2021</v>
      </c>
      <c r="J208" s="2" t="s">
        <v>30</v>
      </c>
      <c r="K208" s="2"/>
      <c r="L208" s="2" t="s">
        <v>31</v>
      </c>
    </row>
    <row r="209" spans="1:12" ht="15.2" customHeight="1">
      <c r="A209" s="2" t="s">
        <v>584</v>
      </c>
      <c r="B209" s="2" t="s">
        <v>120</v>
      </c>
      <c r="C209" s="2"/>
      <c r="D209" s="2" t="s">
        <v>33</v>
      </c>
      <c r="E209" s="2" t="s">
        <v>27</v>
      </c>
      <c r="F209" s="2" t="s">
        <v>34</v>
      </c>
      <c r="G209" s="3">
        <v>8</v>
      </c>
      <c r="H209" s="2" t="s">
        <v>29</v>
      </c>
      <c r="I209" s="3">
        <v>2021</v>
      </c>
      <c r="J209" s="2" t="s">
        <v>30</v>
      </c>
      <c r="K209" s="2"/>
      <c r="L209" s="2" t="s">
        <v>35</v>
      </c>
    </row>
    <row r="210" spans="1:12" ht="15.2" customHeight="1">
      <c r="A210" s="2" t="s">
        <v>584</v>
      </c>
      <c r="B210" s="2" t="s">
        <v>121</v>
      </c>
      <c r="C210" s="2" t="s">
        <v>37</v>
      </c>
      <c r="D210" s="2" t="s">
        <v>38</v>
      </c>
      <c r="E210" s="2" t="s">
        <v>27</v>
      </c>
      <c r="F210" s="2" t="s">
        <v>39</v>
      </c>
      <c r="G210" s="3">
        <v>1</v>
      </c>
      <c r="H210" s="2" t="s">
        <v>40</v>
      </c>
      <c r="I210" s="3">
        <v>2018</v>
      </c>
      <c r="J210" s="2" t="s">
        <v>30</v>
      </c>
      <c r="K210" s="2"/>
      <c r="L210" s="2" t="s">
        <v>41</v>
      </c>
    </row>
    <row r="211" spans="1:12" ht="15.2" customHeight="1">
      <c r="A211" s="2" t="s">
        <v>584</v>
      </c>
      <c r="B211" s="2" t="s">
        <v>122</v>
      </c>
      <c r="C211" s="2" t="s">
        <v>657</v>
      </c>
      <c r="D211" s="2" t="s">
        <v>658</v>
      </c>
      <c r="E211" s="2" t="s">
        <v>27</v>
      </c>
      <c r="F211" s="2" t="s">
        <v>659</v>
      </c>
      <c r="G211" s="3">
        <v>5</v>
      </c>
      <c r="H211" s="2" t="s">
        <v>40</v>
      </c>
      <c r="I211" s="3">
        <v>2018</v>
      </c>
      <c r="J211" s="2" t="s">
        <v>30</v>
      </c>
      <c r="K211" s="2"/>
      <c r="L211" s="2" t="s">
        <v>660</v>
      </c>
    </row>
    <row r="212" spans="1:12" ht="15.2" customHeight="1">
      <c r="A212" s="2" t="s">
        <v>584</v>
      </c>
      <c r="B212" s="2" t="s">
        <v>123</v>
      </c>
      <c r="C212" s="2" t="s">
        <v>585</v>
      </c>
      <c r="D212" s="2" t="s">
        <v>586</v>
      </c>
      <c r="E212" s="2" t="s">
        <v>306</v>
      </c>
      <c r="F212" s="2" t="s">
        <v>587</v>
      </c>
      <c r="G212" s="3">
        <v>6</v>
      </c>
      <c r="H212" s="2" t="s">
        <v>308</v>
      </c>
      <c r="I212" s="3">
        <v>2012</v>
      </c>
      <c r="J212" s="2" t="s">
        <v>66</v>
      </c>
      <c r="K212" s="2"/>
      <c r="L212" s="2" t="s">
        <v>588</v>
      </c>
    </row>
    <row r="213" spans="1:12" ht="15.2" customHeight="1">
      <c r="A213" s="2" t="s">
        <v>584</v>
      </c>
      <c r="B213" s="2" t="s">
        <v>124</v>
      </c>
      <c r="C213" s="2" t="s">
        <v>589</v>
      </c>
      <c r="D213" s="2" t="s">
        <v>590</v>
      </c>
      <c r="E213" s="2" t="s">
        <v>306</v>
      </c>
      <c r="F213" s="2" t="s">
        <v>591</v>
      </c>
      <c r="G213" s="3">
        <v>7</v>
      </c>
      <c r="H213" s="2" t="s">
        <v>308</v>
      </c>
      <c r="I213" s="3">
        <v>2012</v>
      </c>
      <c r="J213" s="2" t="s">
        <v>66</v>
      </c>
      <c r="K213" s="2"/>
      <c r="L213" s="2" t="s">
        <v>592</v>
      </c>
    </row>
    <row r="214" spans="1:12" ht="15.2" customHeight="1">
      <c r="A214" s="2" t="s">
        <v>584</v>
      </c>
      <c r="B214" s="2" t="s">
        <v>125</v>
      </c>
      <c r="C214" s="2" t="s">
        <v>601</v>
      </c>
      <c r="D214" s="2" t="s">
        <v>602</v>
      </c>
      <c r="E214" s="2" t="s">
        <v>44</v>
      </c>
      <c r="F214" s="2" t="s">
        <v>603</v>
      </c>
      <c r="G214" s="3">
        <v>10</v>
      </c>
      <c r="H214" s="2" t="s">
        <v>94</v>
      </c>
      <c r="I214" s="3">
        <v>2006</v>
      </c>
      <c r="J214" s="2" t="s">
        <v>19</v>
      </c>
      <c r="K214" s="2"/>
      <c r="L214" s="2" t="s">
        <v>604</v>
      </c>
    </row>
    <row r="215" spans="1:12" ht="15.2" customHeight="1">
      <c r="A215" s="2" t="s">
        <v>584</v>
      </c>
      <c r="B215" s="2" t="s">
        <v>130</v>
      </c>
      <c r="C215" s="2" t="s">
        <v>605</v>
      </c>
      <c r="D215" s="2" t="s">
        <v>602</v>
      </c>
      <c r="E215" s="2" t="s">
        <v>44</v>
      </c>
      <c r="F215" s="2" t="s">
        <v>606</v>
      </c>
      <c r="G215" s="3">
        <v>5</v>
      </c>
      <c r="H215" s="2" t="s">
        <v>94</v>
      </c>
      <c r="I215" s="3">
        <v>2006</v>
      </c>
      <c r="J215" s="2" t="s">
        <v>19</v>
      </c>
      <c r="K215" s="2"/>
      <c r="L215" s="2" t="s">
        <v>604</v>
      </c>
    </row>
    <row r="216" spans="1:12" ht="15.2" customHeight="1">
      <c r="A216" s="2" t="s">
        <v>584</v>
      </c>
      <c r="B216" s="2" t="s">
        <v>137</v>
      </c>
      <c r="C216" s="2" t="s">
        <v>607</v>
      </c>
      <c r="D216" s="2" t="s">
        <v>608</v>
      </c>
      <c r="E216" s="2" t="s">
        <v>609</v>
      </c>
      <c r="F216" s="2" t="s">
        <v>610</v>
      </c>
      <c r="G216" s="3">
        <v>1</v>
      </c>
      <c r="H216" s="2" t="s">
        <v>94</v>
      </c>
      <c r="I216" s="3">
        <v>2018</v>
      </c>
      <c r="J216" s="2" t="s">
        <v>236</v>
      </c>
      <c r="K216" s="2"/>
      <c r="L216" s="2" t="s">
        <v>611</v>
      </c>
    </row>
  </sheetData>
  <mergeCells count="1">
    <mergeCell ref="A1:L1"/>
  </mergeCells>
  <pageMargins left="1" right="1" top="1" bottom="1" header="1" footer="1"/>
  <pageSetup orientation="portrait" horizontalDpi="300" verticalDpi="300"/>
  <headerFooter alignWithMargins="0"/>
</worksheet>
</file>

<file path=docProps/app.xml><?xml version="1.0" encoding="utf-8"?>
<Properties xmlns="http://schemas.openxmlformats.org/officeDocument/2006/extended-properties" xmlns:vt="http://schemas.openxmlformats.org/officeDocument/2006/docPropsVTypes">
  <TotalTime>0</TotalTime>
  <Pages>0</Pages>
  <Words>0</Words>
  <Characters>0</Characters>
  <Application>Microsoft Excel</Application>
  <DocSecurity>0</DocSecurity>
  <Lines>0</Lines>
  <Paragraphs>0</Paragraphs>
  <Slides>0</Slides>
  <Notes>0</Notes>
  <HiddenSlides>0</HiddenSlides>
  <MMClips>0</MMClips>
  <ScaleCrop>false</ScaleCrop>
  <HeadingPairs>
    <vt:vector size="2" baseType="variant">
      <vt:variant>
        <vt:lpstr>Worksheets</vt:lpstr>
      </vt:variant>
      <vt:variant>
        <vt:i4>1</vt:i4>
      </vt:variant>
    </vt:vector>
  </HeadingPairs>
  <TitlesOfParts>
    <vt:vector size="1" baseType="lpstr">
      <vt:lpstr>FRA - French Press Report</vt:lpstr>
    </vt:vector>
  </TitlesOfParts>
  <LinksUpToDate>false</LinksUpToDate>
  <CharactersWithSpaces>0</CharactersWithSpaces>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Oliviero, Gwendoline</cp:lastModifiedBy>
  <dcterms:modified xsi:type="dcterms:W3CDTF">2021-05-06T08:32:32Z</dcterms:modified>
</cp:coreProperties>
</file>

<file path=docProps/core0.xml><?xml version="1.0" encoding="utf-8"?>
<cp:coreProperties xmlns:cp="http://schemas.openxmlformats.org/package/2006/metadata/core-properties" xmlns:dc="http://purl.org/dc/elements/1.1/" xmlns:dcterms="http://purl.org/dc/terms/" xmlns:dcmitype="http://purl.org/dc/dcmitype/" xmlns:xsi="http://www.w3.org/2001/XMLSchema-instance"/>
</file>